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822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209894\Downloads\"/>
    </mc:Choice>
  </mc:AlternateContent>
  <xr:revisionPtr revIDLastSave="0" documentId="13_ncr:1_{43B0A1AE-7BFB-4568-9D24-7374D7DF4DC1}" xr6:coauthVersionLast="47" xr6:coauthVersionMax="47" xr10:uidLastSave="{00000000-0000-0000-0000-000000000000}"/>
  <bookViews>
    <workbookView xWindow="28680" yWindow="-120" windowWidth="29040" windowHeight="15720" xr2:uid="{E9C662A7-AD6A-4397-BCB0-ABFA252F1963}"/>
  </bookViews>
  <sheets>
    <sheet name="Key 1 &amp; 2" sheetId="1" r:id="rId1"/>
    <sheet name="Key 3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99" uniqueCount="1262">
  <si>
    <t>TEST CODE</t>
  </si>
  <si>
    <t>FORM</t>
  </si>
  <si>
    <t>BASE</t>
  </si>
  <si>
    <t>VOLTS</t>
  </si>
  <si>
    <t>TA</t>
  </si>
  <si>
    <t>Kh (Watthours per disk revolution)</t>
  </si>
  <si>
    <t>RR</t>
  </si>
  <si>
    <t>Phase</t>
  </si>
  <si>
    <t>Wire</t>
  </si>
  <si>
    <t>Kt (electronic test pulse value)</t>
  </si>
  <si>
    <t>0A</t>
  </si>
  <si>
    <t>B</t>
  </si>
  <si>
    <t>0B</t>
  </si>
  <si>
    <t>S</t>
  </si>
  <si>
    <t>0C</t>
  </si>
  <si>
    <t>0D</t>
  </si>
  <si>
    <t>0E</t>
  </si>
  <si>
    <t>0F</t>
  </si>
  <si>
    <t>0G</t>
  </si>
  <si>
    <t>0H</t>
  </si>
  <si>
    <t>0I</t>
  </si>
  <si>
    <t>0J</t>
  </si>
  <si>
    <t>A</t>
  </si>
  <si>
    <t>0K</t>
  </si>
  <si>
    <t>0L</t>
  </si>
  <si>
    <t>0M</t>
  </si>
  <si>
    <t>0N</t>
  </si>
  <si>
    <t>Z</t>
  </si>
  <si>
    <t>0O</t>
  </si>
  <si>
    <t>0P</t>
  </si>
  <si>
    <t>0Q</t>
  </si>
  <si>
    <t>0R</t>
  </si>
  <si>
    <t>0S</t>
  </si>
  <si>
    <t>0T</t>
  </si>
  <si>
    <t>0U</t>
  </si>
  <si>
    <t>0V</t>
  </si>
  <si>
    <t>0W</t>
  </si>
  <si>
    <t>0X</t>
  </si>
  <si>
    <t>0Y</t>
  </si>
  <si>
    <t>0Z</t>
  </si>
  <si>
    <t>1A</t>
  </si>
  <si>
    <t>1B</t>
  </si>
  <si>
    <t>1C</t>
  </si>
  <si>
    <t>1D</t>
  </si>
  <si>
    <t>1E</t>
  </si>
  <si>
    <t>1F</t>
  </si>
  <si>
    <t>1G</t>
  </si>
  <si>
    <t>1H</t>
  </si>
  <si>
    <t>1I</t>
  </si>
  <si>
    <t>1J</t>
  </si>
  <si>
    <t>1K</t>
  </si>
  <si>
    <t>1L</t>
  </si>
  <si>
    <t>1M</t>
  </si>
  <si>
    <t>1N</t>
  </si>
  <si>
    <t>1P</t>
  </si>
  <si>
    <t>1Q</t>
  </si>
  <si>
    <t>1R</t>
  </si>
  <si>
    <t>1S</t>
  </si>
  <si>
    <t>1T</t>
  </si>
  <si>
    <t>1U</t>
  </si>
  <si>
    <t>1V</t>
  </si>
  <si>
    <t>1W</t>
  </si>
  <si>
    <t>1X</t>
  </si>
  <si>
    <t>1Y</t>
  </si>
  <si>
    <t>1Z</t>
  </si>
  <si>
    <t>2A</t>
  </si>
  <si>
    <t>2B</t>
  </si>
  <si>
    <t>2C</t>
  </si>
  <si>
    <t>2D</t>
  </si>
  <si>
    <t>2E</t>
  </si>
  <si>
    <t>2F</t>
  </si>
  <si>
    <t>2G</t>
  </si>
  <si>
    <t>2H</t>
  </si>
  <si>
    <t>2I</t>
  </si>
  <si>
    <t>2J</t>
  </si>
  <si>
    <t>2K</t>
  </si>
  <si>
    <t>2L</t>
  </si>
  <si>
    <t>2M</t>
  </si>
  <si>
    <t>2N</t>
  </si>
  <si>
    <t>2O</t>
  </si>
  <si>
    <t>2P</t>
  </si>
  <si>
    <t>2Q</t>
  </si>
  <si>
    <t>2R</t>
  </si>
  <si>
    <t>2S</t>
  </si>
  <si>
    <t>2T</t>
  </si>
  <si>
    <t>2U</t>
  </si>
  <si>
    <t>2V</t>
  </si>
  <si>
    <t>2W</t>
  </si>
  <si>
    <t>2X</t>
  </si>
  <si>
    <t>2Y</t>
  </si>
  <si>
    <t>2Z</t>
  </si>
  <si>
    <t>R</t>
  </si>
  <si>
    <t>3A</t>
  </si>
  <si>
    <t>3B</t>
  </si>
  <si>
    <t>3C</t>
  </si>
  <si>
    <t>3D</t>
  </si>
  <si>
    <t>3E</t>
  </si>
  <si>
    <t>3F</t>
  </si>
  <si>
    <t>3G</t>
  </si>
  <si>
    <t>3H</t>
  </si>
  <si>
    <t>3I</t>
  </si>
  <si>
    <t>3J</t>
  </si>
  <si>
    <t>3K</t>
  </si>
  <si>
    <t>3L</t>
  </si>
  <si>
    <t>3M</t>
  </si>
  <si>
    <t>3N</t>
  </si>
  <si>
    <t>3O</t>
  </si>
  <si>
    <t>3P</t>
  </si>
  <si>
    <t>3Q</t>
  </si>
  <si>
    <t>3R</t>
  </si>
  <si>
    <t>3S</t>
  </si>
  <si>
    <t>3T</t>
  </si>
  <si>
    <t>3U</t>
  </si>
  <si>
    <t>3V</t>
  </si>
  <si>
    <t>3W</t>
  </si>
  <si>
    <t>3X</t>
  </si>
  <si>
    <t>3Y</t>
  </si>
  <si>
    <t>3Z</t>
  </si>
  <si>
    <t>4A</t>
  </si>
  <si>
    <t>4B</t>
  </si>
  <si>
    <t>4C</t>
  </si>
  <si>
    <t>4D</t>
  </si>
  <si>
    <t>4E</t>
  </si>
  <si>
    <t>4F</t>
  </si>
  <si>
    <t>4G</t>
  </si>
  <si>
    <t>4H</t>
  </si>
  <si>
    <t>4I</t>
  </si>
  <si>
    <t>4J</t>
  </si>
  <si>
    <t>4K</t>
  </si>
  <si>
    <t>4L</t>
  </si>
  <si>
    <t>4M</t>
  </si>
  <si>
    <t>4N</t>
  </si>
  <si>
    <t>4O</t>
  </si>
  <si>
    <t>4P</t>
  </si>
  <si>
    <t>4Q</t>
  </si>
  <si>
    <t>4R</t>
  </si>
  <si>
    <t>4S</t>
  </si>
  <si>
    <t>4T</t>
  </si>
  <si>
    <t>4U</t>
  </si>
  <si>
    <t>4V</t>
  </si>
  <si>
    <t>4W</t>
  </si>
  <si>
    <t>4X</t>
  </si>
  <si>
    <t>4Y</t>
  </si>
  <si>
    <t>4Z</t>
  </si>
  <si>
    <t>5A</t>
  </si>
  <si>
    <t>5B</t>
  </si>
  <si>
    <t>5C</t>
  </si>
  <si>
    <t>5D</t>
  </si>
  <si>
    <t>5E</t>
  </si>
  <si>
    <t>5F</t>
  </si>
  <si>
    <t>5G</t>
  </si>
  <si>
    <t>5H</t>
  </si>
  <si>
    <t>5I</t>
  </si>
  <si>
    <t>5J</t>
  </si>
  <si>
    <t>5K</t>
  </si>
  <si>
    <t>5L</t>
  </si>
  <si>
    <t>5M</t>
  </si>
  <si>
    <t>5N</t>
  </si>
  <si>
    <t>5O</t>
  </si>
  <si>
    <t>5P</t>
  </si>
  <si>
    <t>5Q</t>
  </si>
  <si>
    <t>5R</t>
  </si>
  <si>
    <t>5S</t>
  </si>
  <si>
    <t>5T</t>
  </si>
  <si>
    <t>5U</t>
  </si>
  <si>
    <t>5V</t>
  </si>
  <si>
    <t>5W</t>
  </si>
  <si>
    <t>5X</t>
  </si>
  <si>
    <t>5Y</t>
  </si>
  <si>
    <t>5Z</t>
  </si>
  <si>
    <t>6A</t>
  </si>
  <si>
    <t>6B</t>
  </si>
  <si>
    <t>6C</t>
  </si>
  <si>
    <t>6D</t>
  </si>
  <si>
    <t>6E</t>
  </si>
  <si>
    <t>6F</t>
  </si>
  <si>
    <t>120-480</t>
  </si>
  <si>
    <t>6G</t>
  </si>
  <si>
    <t>6H</t>
  </si>
  <si>
    <t>6I</t>
  </si>
  <si>
    <t>6J</t>
  </si>
  <si>
    <t>6K</t>
  </si>
  <si>
    <t>6L</t>
  </si>
  <si>
    <t>6M</t>
  </si>
  <si>
    <t>6N</t>
  </si>
  <si>
    <t>6P</t>
  </si>
  <si>
    <t>6Q</t>
  </si>
  <si>
    <t xml:space="preserve"> </t>
  </si>
  <si>
    <t>6R</t>
  </si>
  <si>
    <t>6S</t>
  </si>
  <si>
    <t>6T</t>
  </si>
  <si>
    <t>6U</t>
  </si>
  <si>
    <t>6V</t>
  </si>
  <si>
    <t>6W</t>
  </si>
  <si>
    <t>6X</t>
  </si>
  <si>
    <t>6Y</t>
  </si>
  <si>
    <t>6Z</t>
  </si>
  <si>
    <t>7A</t>
  </si>
  <si>
    <t>7B</t>
  </si>
  <si>
    <t>7C</t>
  </si>
  <si>
    <t>7D</t>
  </si>
  <si>
    <t>7E</t>
  </si>
  <si>
    <t>7F</t>
  </si>
  <si>
    <t>7G</t>
  </si>
  <si>
    <t>7H</t>
  </si>
  <si>
    <t>7I</t>
  </si>
  <si>
    <t>7J</t>
  </si>
  <si>
    <t>7K</t>
  </si>
  <si>
    <t>7L</t>
  </si>
  <si>
    <t>7M</t>
  </si>
  <si>
    <t>7N</t>
  </si>
  <si>
    <t>7P</t>
  </si>
  <si>
    <t>7Q</t>
  </si>
  <si>
    <t>7R</t>
  </si>
  <si>
    <t>7S</t>
  </si>
  <si>
    <t>7T</t>
  </si>
  <si>
    <t>7U</t>
  </si>
  <si>
    <t>7V</t>
  </si>
  <si>
    <t>7W</t>
  </si>
  <si>
    <t>7X</t>
  </si>
  <si>
    <t>7Y</t>
  </si>
  <si>
    <t>7Z</t>
  </si>
  <si>
    <t>87</t>
  </si>
  <si>
    <t>88</t>
  </si>
  <si>
    <t>89</t>
  </si>
  <si>
    <t>8A</t>
  </si>
  <si>
    <t>8B</t>
  </si>
  <si>
    <t>8C</t>
  </si>
  <si>
    <t>8D</t>
  </si>
  <si>
    <t>8E</t>
  </si>
  <si>
    <t>8F</t>
  </si>
  <si>
    <t>8G</t>
  </si>
  <si>
    <t>9A</t>
  </si>
  <si>
    <t>9B</t>
  </si>
  <si>
    <t>A0</t>
  </si>
  <si>
    <t>A1</t>
  </si>
  <si>
    <t>A2</t>
  </si>
  <si>
    <t>A3</t>
  </si>
  <si>
    <t>A4</t>
  </si>
  <si>
    <t>A5</t>
  </si>
  <si>
    <t>A6</t>
  </si>
  <si>
    <t>A7</t>
  </si>
  <si>
    <t>A8</t>
  </si>
  <si>
    <t>A9</t>
  </si>
  <si>
    <t>AA</t>
  </si>
  <si>
    <t>AB</t>
  </si>
  <si>
    <t>AC</t>
  </si>
  <si>
    <t>AD</t>
  </si>
  <si>
    <t>AE</t>
  </si>
  <si>
    <t>AF</t>
  </si>
  <si>
    <t>AG</t>
  </si>
  <si>
    <t>AH</t>
  </si>
  <si>
    <t>AI</t>
  </si>
  <si>
    <t>AJ</t>
  </si>
  <si>
    <t>AK</t>
  </si>
  <si>
    <t>AL</t>
  </si>
  <si>
    <t>AM</t>
  </si>
  <si>
    <t>AN</t>
  </si>
  <si>
    <t>AO</t>
  </si>
  <si>
    <t>AP</t>
  </si>
  <si>
    <t>AQ</t>
  </si>
  <si>
    <t>AR</t>
  </si>
  <si>
    <t>AS</t>
  </si>
  <si>
    <t>AT</t>
  </si>
  <si>
    <t>AU</t>
  </si>
  <si>
    <t>AV</t>
  </si>
  <si>
    <t>AW</t>
  </si>
  <si>
    <t>AX</t>
  </si>
  <si>
    <t>AY</t>
  </si>
  <si>
    <t>AZ</t>
  </si>
  <si>
    <t>B0</t>
  </si>
  <si>
    <t>K</t>
  </si>
  <si>
    <t>B1</t>
  </si>
  <si>
    <t>B2</t>
  </si>
  <si>
    <t>B3</t>
  </si>
  <si>
    <t>B4</t>
  </si>
  <si>
    <t>B5</t>
  </si>
  <si>
    <t>B6</t>
  </si>
  <si>
    <t>B7</t>
  </si>
  <si>
    <t>B8</t>
  </si>
  <si>
    <t>B9</t>
  </si>
  <si>
    <t>BA</t>
  </si>
  <si>
    <t>BB</t>
  </si>
  <si>
    <t>BC</t>
  </si>
  <si>
    <t>BD</t>
  </si>
  <si>
    <t>BE</t>
  </si>
  <si>
    <t>BF</t>
  </si>
  <si>
    <t>BG</t>
  </si>
  <si>
    <t>BH</t>
  </si>
  <si>
    <t>BI</t>
  </si>
  <si>
    <t>BJ</t>
  </si>
  <si>
    <t>BK</t>
  </si>
  <si>
    <t>BL</t>
  </si>
  <si>
    <t>BM</t>
  </si>
  <si>
    <t>BN</t>
  </si>
  <si>
    <t>BO</t>
  </si>
  <si>
    <t>BP</t>
  </si>
  <si>
    <t>BQ</t>
  </si>
  <si>
    <t>BR</t>
  </si>
  <si>
    <t>BS</t>
  </si>
  <si>
    <t>BT</t>
  </si>
  <si>
    <t>BU</t>
  </si>
  <si>
    <t>BV</t>
  </si>
  <si>
    <t>BW</t>
  </si>
  <si>
    <t>BX</t>
  </si>
  <si>
    <t>BY</t>
  </si>
  <si>
    <t>BZ</t>
  </si>
  <si>
    <t>C0</t>
  </si>
  <si>
    <t>C1</t>
  </si>
  <si>
    <t>C2</t>
  </si>
  <si>
    <t>C3</t>
  </si>
  <si>
    <t>C4</t>
  </si>
  <si>
    <t>C5</t>
  </si>
  <si>
    <t>C6</t>
  </si>
  <si>
    <t>C7</t>
  </si>
  <si>
    <t>C8</t>
  </si>
  <si>
    <t>C9</t>
  </si>
  <si>
    <t>CA</t>
  </si>
  <si>
    <t>CB</t>
  </si>
  <si>
    <t>CC</t>
  </si>
  <si>
    <t>CD</t>
  </si>
  <si>
    <t>CE</t>
  </si>
  <si>
    <t>CF</t>
  </si>
  <si>
    <t>CG</t>
  </si>
  <si>
    <t>CH</t>
  </si>
  <si>
    <t>CI</t>
  </si>
  <si>
    <t>CJ</t>
  </si>
  <si>
    <t>CK</t>
  </si>
  <si>
    <t>CL</t>
  </si>
  <si>
    <t>CM</t>
  </si>
  <si>
    <t>CN</t>
  </si>
  <si>
    <t>CO</t>
  </si>
  <si>
    <t>CP</t>
  </si>
  <si>
    <t>CQ</t>
  </si>
  <si>
    <t>CR</t>
  </si>
  <si>
    <t>CS</t>
  </si>
  <si>
    <t>CT</t>
  </si>
  <si>
    <t>CU</t>
  </si>
  <si>
    <t>CV</t>
  </si>
  <si>
    <t>CW</t>
  </si>
  <si>
    <t>CX</t>
  </si>
  <si>
    <t>CY</t>
  </si>
  <si>
    <t>CZ</t>
  </si>
  <si>
    <t>D0</t>
  </si>
  <si>
    <t>D1</t>
  </si>
  <si>
    <t>D2</t>
  </si>
  <si>
    <t>D3</t>
  </si>
  <si>
    <t>D4</t>
  </si>
  <si>
    <t>D5</t>
  </si>
  <si>
    <t>D6</t>
  </si>
  <si>
    <t>D7</t>
  </si>
  <si>
    <t>D8</t>
  </si>
  <si>
    <t>D9</t>
  </si>
  <si>
    <t>DA</t>
  </si>
  <si>
    <t>DB</t>
  </si>
  <si>
    <t>DC</t>
  </si>
  <si>
    <t>DD</t>
  </si>
  <si>
    <t>DE</t>
  </si>
  <si>
    <t>DF</t>
  </si>
  <si>
    <t>DG</t>
  </si>
  <si>
    <t>DH</t>
  </si>
  <si>
    <t>DI</t>
  </si>
  <si>
    <t>DJ</t>
  </si>
  <si>
    <t>DK</t>
  </si>
  <si>
    <t>DL</t>
  </si>
  <si>
    <t>DM</t>
  </si>
  <si>
    <t>DN</t>
  </si>
  <si>
    <t>DO</t>
  </si>
  <si>
    <t>DP</t>
  </si>
  <si>
    <t>DQ</t>
  </si>
  <si>
    <t>DR</t>
  </si>
  <si>
    <t>DS</t>
  </si>
  <si>
    <t>DT</t>
  </si>
  <si>
    <t>DU</t>
  </si>
  <si>
    <t>DV</t>
  </si>
  <si>
    <t>DW</t>
  </si>
  <si>
    <t>DX</t>
  </si>
  <si>
    <t>DY</t>
  </si>
  <si>
    <t>DZ</t>
  </si>
  <si>
    <t>E0</t>
  </si>
  <si>
    <t>E1</t>
  </si>
  <si>
    <t>E2</t>
  </si>
  <si>
    <t>E3</t>
  </si>
  <si>
    <t>E4</t>
  </si>
  <si>
    <t>E5</t>
  </si>
  <si>
    <t>E6</t>
  </si>
  <si>
    <t>E7</t>
  </si>
  <si>
    <t>E8</t>
  </si>
  <si>
    <t>E9</t>
  </si>
  <si>
    <t>EA</t>
  </si>
  <si>
    <t>EB</t>
  </si>
  <si>
    <t>EC</t>
  </si>
  <si>
    <t>ED</t>
  </si>
  <si>
    <t>EE</t>
  </si>
  <si>
    <t>EF</t>
  </si>
  <si>
    <t>EG</t>
  </si>
  <si>
    <t>EH</t>
  </si>
  <si>
    <t>EI</t>
  </si>
  <si>
    <t>EJ</t>
  </si>
  <si>
    <t>EK</t>
  </si>
  <si>
    <t>EL</t>
  </si>
  <si>
    <t>EM</t>
  </si>
  <si>
    <t>EN</t>
  </si>
  <si>
    <t>EO</t>
  </si>
  <si>
    <t>EP</t>
  </si>
  <si>
    <t>EQ</t>
  </si>
  <si>
    <t>ER</t>
  </si>
  <si>
    <t>ES</t>
  </si>
  <si>
    <t>ET</t>
  </si>
  <si>
    <t>EU</t>
  </si>
  <si>
    <t>EV</t>
  </si>
  <si>
    <t>EW</t>
  </si>
  <si>
    <t>EX</t>
  </si>
  <si>
    <t>EY</t>
  </si>
  <si>
    <t>EZ</t>
  </si>
  <si>
    <t>F0</t>
  </si>
  <si>
    <t>F1</t>
  </si>
  <si>
    <t>F2</t>
  </si>
  <si>
    <t>F3</t>
  </si>
  <si>
    <t>F4</t>
  </si>
  <si>
    <t>T</t>
  </si>
  <si>
    <t>F5</t>
  </si>
  <si>
    <t>F6</t>
  </si>
  <si>
    <t>F7</t>
  </si>
  <si>
    <t>F8</t>
  </si>
  <si>
    <t>F9</t>
  </si>
  <si>
    <t>FA</t>
  </si>
  <si>
    <t>FB</t>
  </si>
  <si>
    <t>FC</t>
  </si>
  <si>
    <t>FD</t>
  </si>
  <si>
    <t>FE</t>
  </si>
  <si>
    <t>FF</t>
  </si>
  <si>
    <t>FG</t>
  </si>
  <si>
    <t>FH</t>
  </si>
  <si>
    <t>FI</t>
  </si>
  <si>
    <t>FJ</t>
  </si>
  <si>
    <t>FK</t>
  </si>
  <si>
    <t>FL</t>
  </si>
  <si>
    <t>FM</t>
  </si>
  <si>
    <t>FN</t>
  </si>
  <si>
    <t>FO</t>
  </si>
  <si>
    <t>FP</t>
  </si>
  <si>
    <t>FQ</t>
  </si>
  <si>
    <t>FR</t>
  </si>
  <si>
    <t>FS</t>
  </si>
  <si>
    <t>FT</t>
  </si>
  <si>
    <t>FU</t>
  </si>
  <si>
    <t>FV</t>
  </si>
  <si>
    <t>FW</t>
  </si>
  <si>
    <t>FX</t>
  </si>
  <si>
    <t>FY</t>
  </si>
  <si>
    <t>FZ</t>
  </si>
  <si>
    <t>G0</t>
  </si>
  <si>
    <t>G1</t>
  </si>
  <si>
    <t>G2</t>
  </si>
  <si>
    <t>G3</t>
  </si>
  <si>
    <t>G4</t>
  </si>
  <si>
    <t>G5</t>
  </si>
  <si>
    <t>G6</t>
  </si>
  <si>
    <t>G7</t>
  </si>
  <si>
    <t>G8</t>
  </si>
  <si>
    <t>G9</t>
  </si>
  <si>
    <t>GA</t>
  </si>
  <si>
    <t>GB</t>
  </si>
  <si>
    <t>GC</t>
  </si>
  <si>
    <t>GD</t>
  </si>
  <si>
    <t>GE</t>
  </si>
  <si>
    <t>GF</t>
  </si>
  <si>
    <t>GG</t>
  </si>
  <si>
    <t>GH</t>
  </si>
  <si>
    <t>GI</t>
  </si>
  <si>
    <t>GJ</t>
  </si>
  <si>
    <t>GK</t>
  </si>
  <si>
    <t>GL</t>
  </si>
  <si>
    <t>GM</t>
  </si>
  <si>
    <t>GN</t>
  </si>
  <si>
    <t>GO</t>
  </si>
  <si>
    <t>GP</t>
  </si>
  <si>
    <t>GQ</t>
  </si>
  <si>
    <t>GR</t>
  </si>
  <si>
    <t>GS</t>
  </si>
  <si>
    <t>GT</t>
  </si>
  <si>
    <t>GU</t>
  </si>
  <si>
    <t>GV</t>
  </si>
  <si>
    <t>GW</t>
  </si>
  <si>
    <t>GX</t>
  </si>
  <si>
    <t>GY</t>
  </si>
  <si>
    <t>GZ</t>
  </si>
  <si>
    <t>H0</t>
  </si>
  <si>
    <t>H1</t>
  </si>
  <si>
    <t>H2</t>
  </si>
  <si>
    <t>H3</t>
  </si>
  <si>
    <t>H4</t>
  </si>
  <si>
    <t>H5</t>
  </si>
  <si>
    <t>H6</t>
  </si>
  <si>
    <t>H7</t>
  </si>
  <si>
    <t>H8</t>
  </si>
  <si>
    <t>H9</t>
  </si>
  <si>
    <t>HA</t>
  </si>
  <si>
    <t>HB</t>
  </si>
  <si>
    <t>HC</t>
  </si>
  <si>
    <t>HD</t>
  </si>
  <si>
    <t>HE</t>
  </si>
  <si>
    <t>HF</t>
  </si>
  <si>
    <t>HG</t>
  </si>
  <si>
    <t>HH</t>
  </si>
  <si>
    <t>HI</t>
  </si>
  <si>
    <t>HJ</t>
  </si>
  <si>
    <t>HK</t>
  </si>
  <si>
    <t>HL</t>
  </si>
  <si>
    <t>HM</t>
  </si>
  <si>
    <t>HN</t>
  </si>
  <si>
    <t>HO</t>
  </si>
  <si>
    <t>HP</t>
  </si>
  <si>
    <t>HQ</t>
  </si>
  <si>
    <t>HR</t>
  </si>
  <si>
    <t>HS</t>
  </si>
  <si>
    <t>HT</t>
  </si>
  <si>
    <t>HU</t>
  </si>
  <si>
    <t>HV</t>
  </si>
  <si>
    <t>HW</t>
  </si>
  <si>
    <t>HX</t>
  </si>
  <si>
    <t>HY</t>
  </si>
  <si>
    <t>HZ</t>
  </si>
  <si>
    <t>I0</t>
  </si>
  <si>
    <t>I1</t>
  </si>
  <si>
    <t>I2</t>
  </si>
  <si>
    <t>I3</t>
  </si>
  <si>
    <t>I4</t>
  </si>
  <si>
    <t>I5</t>
  </si>
  <si>
    <t>I6</t>
  </si>
  <si>
    <t>I7</t>
  </si>
  <si>
    <t>I8</t>
  </si>
  <si>
    <t>I9</t>
  </si>
  <si>
    <t>IA</t>
  </si>
  <si>
    <t>IB</t>
  </si>
  <si>
    <t>IC</t>
  </si>
  <si>
    <t>ID</t>
  </si>
  <si>
    <t>IE</t>
  </si>
  <si>
    <t>IF</t>
  </si>
  <si>
    <t>IG</t>
  </si>
  <si>
    <t>IH</t>
  </si>
  <si>
    <t>II</t>
  </si>
  <si>
    <t>IJ</t>
  </si>
  <si>
    <t>IK</t>
  </si>
  <si>
    <t>IL</t>
  </si>
  <si>
    <t>IM</t>
  </si>
  <si>
    <t>IN</t>
  </si>
  <si>
    <t>IO</t>
  </si>
  <si>
    <t>IP</t>
  </si>
  <si>
    <t>IQ</t>
  </si>
  <si>
    <t>IR</t>
  </si>
  <si>
    <t>IS</t>
  </si>
  <si>
    <t>IT</t>
  </si>
  <si>
    <t>IU</t>
  </si>
  <si>
    <t>IV</t>
  </si>
  <si>
    <t>IW</t>
  </si>
  <si>
    <t>IX</t>
  </si>
  <si>
    <t>IY</t>
  </si>
  <si>
    <t>IZ</t>
  </si>
  <si>
    <t>J0</t>
  </si>
  <si>
    <t>J1</t>
  </si>
  <si>
    <t>J2</t>
  </si>
  <si>
    <t>J3</t>
  </si>
  <si>
    <t>J4</t>
  </si>
  <si>
    <t>J5</t>
  </si>
  <si>
    <t>J6</t>
  </si>
  <si>
    <t>J7</t>
  </si>
  <si>
    <t>J8</t>
  </si>
  <si>
    <t>J9</t>
  </si>
  <si>
    <t>JA</t>
  </si>
  <si>
    <t>JB</t>
  </si>
  <si>
    <t>JC</t>
  </si>
  <si>
    <t>JD</t>
  </si>
  <si>
    <t>JE</t>
  </si>
  <si>
    <t>JF</t>
  </si>
  <si>
    <t>JG</t>
  </si>
  <si>
    <t>JH</t>
  </si>
  <si>
    <t>JI</t>
  </si>
  <si>
    <t>JJ</t>
  </si>
  <si>
    <t>JK</t>
  </si>
  <si>
    <t>JL</t>
  </si>
  <si>
    <t>JM</t>
  </si>
  <si>
    <t>JN</t>
  </si>
  <si>
    <t>JO</t>
  </si>
  <si>
    <t>JP</t>
  </si>
  <si>
    <t>JQ</t>
  </si>
  <si>
    <t>JR</t>
  </si>
  <si>
    <t>JS</t>
  </si>
  <si>
    <t>JT</t>
  </si>
  <si>
    <t>JU</t>
  </si>
  <si>
    <t>JV</t>
  </si>
  <si>
    <t>JW</t>
  </si>
  <si>
    <t>JX</t>
  </si>
  <si>
    <t>JY</t>
  </si>
  <si>
    <t>JZ</t>
  </si>
  <si>
    <t>K0</t>
  </si>
  <si>
    <t>K1</t>
  </si>
  <si>
    <t>K2</t>
  </si>
  <si>
    <t>K3</t>
  </si>
  <si>
    <t>K4</t>
  </si>
  <si>
    <t>K5</t>
  </si>
  <si>
    <t>K6</t>
  </si>
  <si>
    <t>K7</t>
  </si>
  <si>
    <t>K8</t>
  </si>
  <si>
    <t>K9</t>
  </si>
  <si>
    <t>KA</t>
  </si>
  <si>
    <t>KB</t>
  </si>
  <si>
    <t>KC</t>
  </si>
  <si>
    <t>KD</t>
  </si>
  <si>
    <t>KE</t>
  </si>
  <si>
    <t>KF</t>
  </si>
  <si>
    <t>KG</t>
  </si>
  <si>
    <t>KH</t>
  </si>
  <si>
    <t>KI</t>
  </si>
  <si>
    <t>KJ</t>
  </si>
  <si>
    <t>KK</t>
  </si>
  <si>
    <t>KL</t>
  </si>
  <si>
    <t>KM</t>
  </si>
  <si>
    <t>KN</t>
  </si>
  <si>
    <t>KO</t>
  </si>
  <si>
    <t>KP</t>
  </si>
  <si>
    <t>KQ</t>
  </si>
  <si>
    <t>KR</t>
  </si>
  <si>
    <t>KS</t>
  </si>
  <si>
    <t>KT</t>
  </si>
  <si>
    <t>KU</t>
  </si>
  <si>
    <t>KV</t>
  </si>
  <si>
    <t>KW</t>
  </si>
  <si>
    <t>KX</t>
  </si>
  <si>
    <t>KY</t>
  </si>
  <si>
    <t>KZ</t>
  </si>
  <si>
    <t>L0</t>
  </si>
  <si>
    <t>L1</t>
  </si>
  <si>
    <t>L2</t>
  </si>
  <si>
    <t>L3</t>
  </si>
  <si>
    <t>L4</t>
  </si>
  <si>
    <t>L5</t>
  </si>
  <si>
    <t>L6</t>
  </si>
  <si>
    <t>L7</t>
  </si>
  <si>
    <t>L8</t>
  </si>
  <si>
    <t>L9</t>
  </si>
  <si>
    <t>LA</t>
  </si>
  <si>
    <t>LB</t>
  </si>
  <si>
    <t>LC</t>
  </si>
  <si>
    <t>LD</t>
  </si>
  <si>
    <t>LE</t>
  </si>
  <si>
    <t>LF</t>
  </si>
  <si>
    <t>LG</t>
  </si>
  <si>
    <t>LH</t>
  </si>
  <si>
    <t>LI</t>
  </si>
  <si>
    <t>LJ</t>
  </si>
  <si>
    <t>LK</t>
  </si>
  <si>
    <t>LL</t>
  </si>
  <si>
    <t>LM</t>
  </si>
  <si>
    <t>LN</t>
  </si>
  <si>
    <t>LO</t>
  </si>
  <si>
    <t>LP</t>
  </si>
  <si>
    <t>LQ</t>
  </si>
  <si>
    <t>LR</t>
  </si>
  <si>
    <t>LS</t>
  </si>
  <si>
    <t>LT</t>
  </si>
  <si>
    <t>LU</t>
  </si>
  <si>
    <t>LV</t>
  </si>
  <si>
    <t>LW</t>
  </si>
  <si>
    <t>LX</t>
  </si>
  <si>
    <t>LY</t>
  </si>
  <si>
    <t>LZ</t>
  </si>
  <si>
    <t>M0</t>
  </si>
  <si>
    <t>M1</t>
  </si>
  <si>
    <t>M2</t>
  </si>
  <si>
    <t>M3</t>
  </si>
  <si>
    <t>M4</t>
  </si>
  <si>
    <t>M5</t>
  </si>
  <si>
    <t>M6</t>
  </si>
  <si>
    <t>M7</t>
  </si>
  <si>
    <t>M8</t>
  </si>
  <si>
    <t>M9</t>
  </si>
  <si>
    <t>MA</t>
  </si>
  <si>
    <t>MB</t>
  </si>
  <si>
    <t>MC</t>
  </si>
  <si>
    <t>MD</t>
  </si>
  <si>
    <t>ME</t>
  </si>
  <si>
    <t>MF</t>
  </si>
  <si>
    <t>MG</t>
  </si>
  <si>
    <t>MH</t>
  </si>
  <si>
    <t>MI</t>
  </si>
  <si>
    <t>MJ</t>
  </si>
  <si>
    <t>MK</t>
  </si>
  <si>
    <t>ML</t>
  </si>
  <si>
    <t>MM</t>
  </si>
  <si>
    <t>MN</t>
  </si>
  <si>
    <t>MO</t>
  </si>
  <si>
    <t>MP</t>
  </si>
  <si>
    <t>MQ</t>
  </si>
  <si>
    <t>MR</t>
  </si>
  <si>
    <t>MS</t>
  </si>
  <si>
    <t>MT</t>
  </si>
  <si>
    <t>MU</t>
  </si>
  <si>
    <t>MV</t>
  </si>
  <si>
    <t>MW</t>
  </si>
  <si>
    <t>MX</t>
  </si>
  <si>
    <t>MY</t>
  </si>
  <si>
    <t>MZ</t>
  </si>
  <si>
    <t>N0</t>
  </si>
  <si>
    <t>N1</t>
  </si>
  <si>
    <t>N2</t>
  </si>
  <si>
    <t>N3</t>
  </si>
  <si>
    <t>N4</t>
  </si>
  <si>
    <t>N5</t>
  </si>
  <si>
    <t>N6</t>
  </si>
  <si>
    <t>N7</t>
  </si>
  <si>
    <t>N8</t>
  </si>
  <si>
    <t>N9</t>
  </si>
  <si>
    <t>NA</t>
  </si>
  <si>
    <t>NB</t>
  </si>
  <si>
    <t>NC</t>
  </si>
  <si>
    <t>ND</t>
  </si>
  <si>
    <t>NE</t>
  </si>
  <si>
    <t>NF</t>
  </si>
  <si>
    <t>NG</t>
  </si>
  <si>
    <t>NH</t>
  </si>
  <si>
    <t>NI</t>
  </si>
  <si>
    <t>NJ</t>
  </si>
  <si>
    <t>NK</t>
  </si>
  <si>
    <t>NL</t>
  </si>
  <si>
    <t>NM</t>
  </si>
  <si>
    <t>NN</t>
  </si>
  <si>
    <t>NO</t>
  </si>
  <si>
    <t>NP</t>
  </si>
  <si>
    <t>NQ</t>
  </si>
  <si>
    <t>NR</t>
  </si>
  <si>
    <t>NS</t>
  </si>
  <si>
    <t>NT</t>
  </si>
  <si>
    <t>NU</t>
  </si>
  <si>
    <t>NV</t>
  </si>
  <si>
    <t>NW</t>
  </si>
  <si>
    <t>NX</t>
  </si>
  <si>
    <t>NY</t>
  </si>
  <si>
    <t>NZ</t>
  </si>
  <si>
    <t>O0</t>
  </si>
  <si>
    <t>O1</t>
  </si>
  <si>
    <t>O2</t>
  </si>
  <si>
    <t>O3</t>
  </si>
  <si>
    <t>O4</t>
  </si>
  <si>
    <t>O5</t>
  </si>
  <si>
    <t>O6</t>
  </si>
  <si>
    <t>O7</t>
  </si>
  <si>
    <t>O8</t>
  </si>
  <si>
    <t>O9</t>
  </si>
  <si>
    <t>OA</t>
  </si>
  <si>
    <t>OB</t>
  </si>
  <si>
    <t>OC</t>
  </si>
  <si>
    <t>OD</t>
  </si>
  <si>
    <t>OE</t>
  </si>
  <si>
    <t>OF</t>
  </si>
  <si>
    <t>OG</t>
  </si>
  <si>
    <t>OH</t>
  </si>
  <si>
    <t>OI</t>
  </si>
  <si>
    <t>OJ</t>
  </si>
  <si>
    <t>OK</t>
  </si>
  <si>
    <t>OL</t>
  </si>
  <si>
    <t>OM</t>
  </si>
  <si>
    <t>ON</t>
  </si>
  <si>
    <t>OO</t>
  </si>
  <si>
    <t>OP</t>
  </si>
  <si>
    <t>OQ</t>
  </si>
  <si>
    <t>OR</t>
  </si>
  <si>
    <t>OS</t>
  </si>
  <si>
    <t>OT</t>
  </si>
  <si>
    <t>OU</t>
  </si>
  <si>
    <t>OV</t>
  </si>
  <si>
    <t>OW</t>
  </si>
  <si>
    <t>OX</t>
  </si>
  <si>
    <t>OY</t>
  </si>
  <si>
    <t>OZ</t>
  </si>
  <si>
    <t>P0</t>
  </si>
  <si>
    <t>P1</t>
  </si>
  <si>
    <t>P2</t>
  </si>
  <si>
    <t>P3</t>
  </si>
  <si>
    <t>P4</t>
  </si>
  <si>
    <t>P5</t>
  </si>
  <si>
    <t>P6</t>
  </si>
  <si>
    <t>P7</t>
  </si>
  <si>
    <t>P8</t>
  </si>
  <si>
    <t>P9</t>
  </si>
  <si>
    <t>PA</t>
  </si>
  <si>
    <t>PB</t>
  </si>
  <si>
    <t>PC</t>
  </si>
  <si>
    <t>PD</t>
  </si>
  <si>
    <t>PE</t>
  </si>
  <si>
    <t>PF</t>
  </si>
  <si>
    <t>PG</t>
  </si>
  <si>
    <t>PH</t>
  </si>
  <si>
    <t>PI</t>
  </si>
  <si>
    <t>PJ</t>
  </si>
  <si>
    <t>PK</t>
  </si>
  <si>
    <t>PL</t>
  </si>
  <si>
    <t>PM</t>
  </si>
  <si>
    <t>PN</t>
  </si>
  <si>
    <t>PO</t>
  </si>
  <si>
    <t>PP</t>
  </si>
  <si>
    <t>PQ</t>
  </si>
  <si>
    <t>PR</t>
  </si>
  <si>
    <t>PS</t>
  </si>
  <si>
    <t>PT</t>
  </si>
  <si>
    <t>PU</t>
  </si>
  <si>
    <t>PV</t>
  </si>
  <si>
    <t>PW</t>
  </si>
  <si>
    <t>PX</t>
  </si>
  <si>
    <t>PY</t>
  </si>
  <si>
    <t>PZ</t>
  </si>
  <si>
    <t>Q0</t>
  </si>
  <si>
    <t>Q1</t>
  </si>
  <si>
    <t>Q2</t>
  </si>
  <si>
    <t>Q3</t>
  </si>
  <si>
    <t>Q4</t>
  </si>
  <si>
    <t>Q5</t>
  </si>
  <si>
    <t>Q6</t>
  </si>
  <si>
    <t>Q7</t>
  </si>
  <si>
    <t>Q8</t>
  </si>
  <si>
    <t>Q9</t>
  </si>
  <si>
    <t>QA</t>
  </si>
  <si>
    <t>QB</t>
  </si>
  <si>
    <t>QC</t>
  </si>
  <si>
    <t>QD</t>
  </si>
  <si>
    <t>QE</t>
  </si>
  <si>
    <t>QF</t>
  </si>
  <si>
    <t>QG</t>
  </si>
  <si>
    <t>QH</t>
  </si>
  <si>
    <t>QI</t>
  </si>
  <si>
    <t>QJ</t>
  </si>
  <si>
    <t>QK</t>
  </si>
  <si>
    <t>QL</t>
  </si>
  <si>
    <t>QM</t>
  </si>
  <si>
    <t>QN</t>
  </si>
  <si>
    <t>QO</t>
  </si>
  <si>
    <t>QP</t>
  </si>
  <si>
    <t>QQ</t>
  </si>
  <si>
    <t>QR</t>
  </si>
  <si>
    <t>QS</t>
  </si>
  <si>
    <t>QT</t>
  </si>
  <si>
    <t>QU</t>
  </si>
  <si>
    <t>QV</t>
  </si>
  <si>
    <t>QW</t>
  </si>
  <si>
    <t>QX</t>
  </si>
  <si>
    <t>QY</t>
  </si>
  <si>
    <t>QZ</t>
  </si>
  <si>
    <t>R0</t>
  </si>
  <si>
    <t>R1</t>
  </si>
  <si>
    <t>R2</t>
  </si>
  <si>
    <t>R3</t>
  </si>
  <si>
    <t>R4</t>
  </si>
  <si>
    <t>R5</t>
  </si>
  <si>
    <t>R6</t>
  </si>
  <si>
    <t>R7</t>
  </si>
  <si>
    <t>R8</t>
  </si>
  <si>
    <t>R9</t>
  </si>
  <si>
    <t>RA</t>
  </si>
  <si>
    <t>RB</t>
  </si>
  <si>
    <t>RC</t>
  </si>
  <si>
    <t>RD</t>
  </si>
  <si>
    <t>RE</t>
  </si>
  <si>
    <t>RF</t>
  </si>
  <si>
    <t>RG</t>
  </si>
  <si>
    <t>RH</t>
  </si>
  <si>
    <t>RI</t>
  </si>
  <si>
    <t>RJ</t>
  </si>
  <si>
    <t>RK</t>
  </si>
  <si>
    <t>RL</t>
  </si>
  <si>
    <t>RM</t>
  </si>
  <si>
    <t>RN</t>
  </si>
  <si>
    <t>RO</t>
  </si>
  <si>
    <t>RP</t>
  </si>
  <si>
    <t>RQ</t>
  </si>
  <si>
    <t>RS</t>
  </si>
  <si>
    <t>RT</t>
  </si>
  <si>
    <t>RU</t>
  </si>
  <si>
    <t>RV</t>
  </si>
  <si>
    <t>RW</t>
  </si>
  <si>
    <t>RX</t>
  </si>
  <si>
    <t>RY</t>
  </si>
  <si>
    <t>RZ</t>
  </si>
  <si>
    <t>S0</t>
  </si>
  <si>
    <t>S1</t>
  </si>
  <si>
    <t>S2</t>
  </si>
  <si>
    <t>S3</t>
  </si>
  <si>
    <t>S4</t>
  </si>
  <si>
    <t>S5</t>
  </si>
  <si>
    <t>S6</t>
  </si>
  <si>
    <t>S7</t>
  </si>
  <si>
    <t>S8</t>
  </si>
  <si>
    <t>S9</t>
  </si>
  <si>
    <t>SA</t>
  </si>
  <si>
    <t>SC</t>
  </si>
  <si>
    <t>SD</t>
  </si>
  <si>
    <t>SE</t>
  </si>
  <si>
    <t>SF</t>
  </si>
  <si>
    <t>SG</t>
  </si>
  <si>
    <t>SH</t>
  </si>
  <si>
    <t>SI</t>
  </si>
  <si>
    <t>SJ</t>
  </si>
  <si>
    <t>SK</t>
  </si>
  <si>
    <t>SL</t>
  </si>
  <si>
    <t>SM</t>
  </si>
  <si>
    <t>SN</t>
  </si>
  <si>
    <t>SO</t>
  </si>
  <si>
    <t>SP</t>
  </si>
  <si>
    <t>SQ</t>
  </si>
  <si>
    <t>SR</t>
  </si>
  <si>
    <t>SS</t>
  </si>
  <si>
    <t>ST</t>
  </si>
  <si>
    <t>SU</t>
  </si>
  <si>
    <t>SV</t>
  </si>
  <si>
    <t>SW</t>
  </si>
  <si>
    <t>SX</t>
  </si>
  <si>
    <t>SY</t>
  </si>
  <si>
    <t>SZ</t>
  </si>
  <si>
    <t>T0</t>
  </si>
  <si>
    <t>T1</t>
  </si>
  <si>
    <t>T2</t>
  </si>
  <si>
    <t>T3</t>
  </si>
  <si>
    <t>T4</t>
  </si>
  <si>
    <t>T5</t>
  </si>
  <si>
    <t>T6</t>
  </si>
  <si>
    <t>T7</t>
  </si>
  <si>
    <t>T8</t>
  </si>
  <si>
    <t>T9</t>
  </si>
  <si>
    <t>TB</t>
  </si>
  <si>
    <t>TC</t>
  </si>
  <si>
    <t>TD</t>
  </si>
  <si>
    <t>TE</t>
  </si>
  <si>
    <t>TF</t>
  </si>
  <si>
    <t>TG</t>
  </si>
  <si>
    <t>TH</t>
  </si>
  <si>
    <t>TI</t>
  </si>
  <si>
    <t>TJ</t>
  </si>
  <si>
    <t>TK</t>
  </si>
  <si>
    <t>TL</t>
  </si>
  <si>
    <t>TM</t>
  </si>
  <si>
    <t>TN</t>
  </si>
  <si>
    <t>TO</t>
  </si>
  <si>
    <t>TP</t>
  </si>
  <si>
    <t>TQ</t>
  </si>
  <si>
    <t>TR</t>
  </si>
  <si>
    <t>TS</t>
  </si>
  <si>
    <t>TT</t>
  </si>
  <si>
    <t>TU</t>
  </si>
  <si>
    <t>TV</t>
  </si>
  <si>
    <t>TW</t>
  </si>
  <si>
    <t>TX</t>
  </si>
  <si>
    <t>TY</t>
  </si>
  <si>
    <t>TZ</t>
  </si>
  <si>
    <t>U0</t>
  </si>
  <si>
    <t>U1</t>
  </si>
  <si>
    <t>U2</t>
  </si>
  <si>
    <t>U3</t>
  </si>
  <si>
    <t>U4</t>
  </si>
  <si>
    <t>U5</t>
  </si>
  <si>
    <t>U6</t>
  </si>
  <si>
    <t>U7</t>
  </si>
  <si>
    <t>U8</t>
  </si>
  <si>
    <t>U9</t>
  </si>
  <si>
    <t>UA</t>
  </si>
  <si>
    <t>UB</t>
  </si>
  <si>
    <t>UC</t>
  </si>
  <si>
    <t>UD</t>
  </si>
  <si>
    <t>UE</t>
  </si>
  <si>
    <t>UF</t>
  </si>
  <si>
    <t>UG</t>
  </si>
  <si>
    <t>UH</t>
  </si>
  <si>
    <t>UI</t>
  </si>
  <si>
    <t>UJ</t>
  </si>
  <si>
    <t>UK</t>
  </si>
  <si>
    <t>UL</t>
  </si>
  <si>
    <t>UM</t>
  </si>
  <si>
    <t>UN</t>
  </si>
  <si>
    <t>UO</t>
  </si>
  <si>
    <t>UP</t>
  </si>
  <si>
    <t>UQ</t>
  </si>
  <si>
    <t>UR</t>
  </si>
  <si>
    <t>US</t>
  </si>
  <si>
    <t>UT</t>
  </si>
  <si>
    <t>UU</t>
  </si>
  <si>
    <t>UV</t>
  </si>
  <si>
    <t>UW</t>
  </si>
  <si>
    <t>UX</t>
  </si>
  <si>
    <t>UY</t>
  </si>
  <si>
    <t>UZ</t>
  </si>
  <si>
    <t>V0</t>
  </si>
  <si>
    <t>V1</t>
  </si>
  <si>
    <t>V2</t>
  </si>
  <si>
    <t>V3</t>
  </si>
  <si>
    <t>V4</t>
  </si>
  <si>
    <t>V5</t>
  </si>
  <si>
    <t>V6</t>
  </si>
  <si>
    <t>V7</t>
  </si>
  <si>
    <t>V8</t>
  </si>
  <si>
    <t>V9</t>
  </si>
  <si>
    <t>VA</t>
  </si>
  <si>
    <t>VB</t>
  </si>
  <si>
    <t>VC</t>
  </si>
  <si>
    <t>VD</t>
  </si>
  <si>
    <t>VE</t>
  </si>
  <si>
    <t>VF</t>
  </si>
  <si>
    <t>VG</t>
  </si>
  <si>
    <t>VH</t>
  </si>
  <si>
    <t>VI</t>
  </si>
  <si>
    <t>VJ</t>
  </si>
  <si>
    <t>VK</t>
  </si>
  <si>
    <t>VL</t>
  </si>
  <si>
    <t>VM</t>
  </si>
  <si>
    <t>VN</t>
  </si>
  <si>
    <t>VO</t>
  </si>
  <si>
    <t>VP</t>
  </si>
  <si>
    <t>VQ</t>
  </si>
  <si>
    <t>VR</t>
  </si>
  <si>
    <t>VS</t>
  </si>
  <si>
    <t>VT</t>
  </si>
  <si>
    <t>VU</t>
  </si>
  <si>
    <t>VV</t>
  </si>
  <si>
    <t>VW</t>
  </si>
  <si>
    <t>VX</t>
  </si>
  <si>
    <t>VY</t>
  </si>
  <si>
    <t>VZ</t>
  </si>
  <si>
    <t>W0</t>
  </si>
  <si>
    <t>W1</t>
  </si>
  <si>
    <t>W2</t>
  </si>
  <si>
    <t>W3</t>
  </si>
  <si>
    <t>W4</t>
  </si>
  <si>
    <t>W5</t>
  </si>
  <si>
    <t>W6</t>
  </si>
  <si>
    <t>W7</t>
  </si>
  <si>
    <t>W8</t>
  </si>
  <si>
    <t>W9</t>
  </si>
  <si>
    <t>WA</t>
  </si>
  <si>
    <t>WB</t>
  </si>
  <si>
    <t>WC</t>
  </si>
  <si>
    <t>WD</t>
  </si>
  <si>
    <t>WE</t>
  </si>
  <si>
    <t>WF</t>
  </si>
  <si>
    <t>WG</t>
  </si>
  <si>
    <t>WH</t>
  </si>
  <si>
    <t>WI</t>
  </si>
  <si>
    <t>WJ</t>
  </si>
  <si>
    <t>WK</t>
  </si>
  <si>
    <t>WL</t>
  </si>
  <si>
    <t>WM</t>
  </si>
  <si>
    <t>WN</t>
  </si>
  <si>
    <t>WO</t>
  </si>
  <si>
    <t>WP</t>
  </si>
  <si>
    <t>WQ</t>
  </si>
  <si>
    <t>WR</t>
  </si>
  <si>
    <t>WS</t>
  </si>
  <si>
    <t>WT</t>
  </si>
  <si>
    <t>WU</t>
  </si>
  <si>
    <t>WV</t>
  </si>
  <si>
    <t>WW</t>
  </si>
  <si>
    <t>WX</t>
  </si>
  <si>
    <t>WY</t>
  </si>
  <si>
    <t>WZ</t>
  </si>
  <si>
    <t>X0</t>
  </si>
  <si>
    <t>X1</t>
  </si>
  <si>
    <t>X2</t>
  </si>
  <si>
    <t>X3</t>
  </si>
  <si>
    <t>X4</t>
  </si>
  <si>
    <t>X5</t>
  </si>
  <si>
    <t>X6</t>
  </si>
  <si>
    <t>X7</t>
  </si>
  <si>
    <t>X8</t>
  </si>
  <si>
    <t>X9</t>
  </si>
  <si>
    <t>XA</t>
  </si>
  <si>
    <t>XB</t>
  </si>
  <si>
    <t>XC</t>
  </si>
  <si>
    <t>XD</t>
  </si>
  <si>
    <t>XE</t>
  </si>
  <si>
    <t>XF</t>
  </si>
  <si>
    <t>XG</t>
  </si>
  <si>
    <t>XH</t>
  </si>
  <si>
    <t>XI</t>
  </si>
  <si>
    <t>XJ</t>
  </si>
  <si>
    <t>XK</t>
  </si>
  <si>
    <t>XL</t>
  </si>
  <si>
    <t>XM</t>
  </si>
  <si>
    <t>XN</t>
  </si>
  <si>
    <t>XO</t>
  </si>
  <si>
    <t>XP</t>
  </si>
  <si>
    <t>XQ</t>
  </si>
  <si>
    <t>XR</t>
  </si>
  <si>
    <t>XS</t>
  </si>
  <si>
    <t>XT</t>
  </si>
  <si>
    <t>XU</t>
  </si>
  <si>
    <t>XV</t>
  </si>
  <si>
    <t>XW</t>
  </si>
  <si>
    <t>XX</t>
  </si>
  <si>
    <t>XY</t>
  </si>
  <si>
    <t>XZ</t>
  </si>
  <si>
    <t>Y0</t>
  </si>
  <si>
    <t>Y1</t>
  </si>
  <si>
    <t>Y2</t>
  </si>
  <si>
    <t>Y3</t>
  </si>
  <si>
    <t>Y4</t>
  </si>
  <si>
    <t>Y5</t>
  </si>
  <si>
    <t>Y6</t>
  </si>
  <si>
    <t>Y7</t>
  </si>
  <si>
    <t>Y8</t>
  </si>
  <si>
    <t>Y9</t>
  </si>
  <si>
    <t>YA</t>
  </si>
  <si>
    <t>YB</t>
  </si>
  <si>
    <t>YC</t>
  </si>
  <si>
    <t>YD</t>
  </si>
  <si>
    <t>YE</t>
  </si>
  <si>
    <t>YF</t>
  </si>
  <si>
    <t>YG</t>
  </si>
  <si>
    <t>YH</t>
  </si>
  <si>
    <t>YI</t>
  </si>
  <si>
    <t>YJ</t>
  </si>
  <si>
    <t>YK</t>
  </si>
  <si>
    <t>YL</t>
  </si>
  <si>
    <t>YM</t>
  </si>
  <si>
    <t>YN</t>
  </si>
  <si>
    <t>YO</t>
  </si>
  <si>
    <t>YP</t>
  </si>
  <si>
    <t>YQ</t>
  </si>
  <si>
    <t>YR</t>
  </si>
  <si>
    <t>YS</t>
  </si>
  <si>
    <t>YT</t>
  </si>
  <si>
    <t>YU</t>
  </si>
  <si>
    <t>YV</t>
  </si>
  <si>
    <t>YW</t>
  </si>
  <si>
    <t>YX</t>
  </si>
  <si>
    <t>YY</t>
  </si>
  <si>
    <t>YZ</t>
  </si>
  <si>
    <t>Z0</t>
  </si>
  <si>
    <t>Z1</t>
  </si>
  <si>
    <t>Z2</t>
  </si>
  <si>
    <t>Z3</t>
  </si>
  <si>
    <t>Z4</t>
  </si>
  <si>
    <t>Z5</t>
  </si>
  <si>
    <t>Z6</t>
  </si>
  <si>
    <t>Z7</t>
  </si>
  <si>
    <t>Z8</t>
  </si>
  <si>
    <t>Z9</t>
  </si>
  <si>
    <t>ZA</t>
  </si>
  <si>
    <t>ZB</t>
  </si>
  <si>
    <t>ZC</t>
  </si>
  <si>
    <t>ZD</t>
  </si>
  <si>
    <t>ZE</t>
  </si>
  <si>
    <t>ZF</t>
  </si>
  <si>
    <t>ZG</t>
  </si>
  <si>
    <t>ZH</t>
  </si>
  <si>
    <t>ZI</t>
  </si>
  <si>
    <t>ZJ</t>
  </si>
  <si>
    <t>ZK</t>
  </si>
  <si>
    <t>ZL</t>
  </si>
  <si>
    <t>ZM</t>
  </si>
  <si>
    <t>ZN</t>
  </si>
  <si>
    <t>ZO</t>
  </si>
  <si>
    <t>ZP</t>
  </si>
  <si>
    <t>ZQ</t>
  </si>
  <si>
    <t>ZR</t>
  </si>
  <si>
    <t>ZS</t>
  </si>
  <si>
    <t>ZT</t>
  </si>
  <si>
    <t>ZU</t>
  </si>
  <si>
    <t>ZV</t>
  </si>
  <si>
    <t>ZW</t>
  </si>
  <si>
    <t>ZX</t>
  </si>
  <si>
    <t>ZY</t>
  </si>
  <si>
    <t>ZZ</t>
  </si>
  <si>
    <t>OFFICIAL AEP BARCODE TABLE FOR MANUFACTURER'S IDENTIFIER</t>
  </si>
  <si>
    <t>Barcode</t>
  </si>
  <si>
    <t>AEP Code</t>
  </si>
  <si>
    <t>Manufacturer</t>
  </si>
  <si>
    <t>LAST UPDATE</t>
  </si>
  <si>
    <t>Character</t>
  </si>
  <si>
    <t>Meter Data System Code</t>
  </si>
  <si>
    <t>Name</t>
  </si>
  <si>
    <t>01</t>
  </si>
  <si>
    <t>Landis+Gyr (Originally Duncan, then Siemens)</t>
  </si>
  <si>
    <t>02</t>
  </si>
  <si>
    <t>The Eastern Specialty Company (TESCO)</t>
  </si>
  <si>
    <t>C</t>
  </si>
  <si>
    <t>03</t>
  </si>
  <si>
    <t>Scientific Columbus / Rochester / Ametek</t>
  </si>
  <si>
    <t>D</t>
  </si>
  <si>
    <t>04</t>
  </si>
  <si>
    <t>General Electric Meter / Aclara</t>
  </si>
  <si>
    <t>E</t>
  </si>
  <si>
    <t>05</t>
  </si>
  <si>
    <t>Landis+Gyr (European)</t>
  </si>
  <si>
    <t>F</t>
  </si>
  <si>
    <t>06</t>
  </si>
  <si>
    <t>Itron Inc. (Originally Sangamo, then Schlumberger)</t>
  </si>
  <si>
    <t>G</t>
  </si>
  <si>
    <t>07</t>
  </si>
  <si>
    <t>Elster Electricity (Westinghouse, ABB Asea Brown Boveri)</t>
  </si>
  <si>
    <t>H</t>
  </si>
  <si>
    <t>08</t>
  </si>
  <si>
    <t>Grid 20/20</t>
  </si>
  <si>
    <t>I</t>
  </si>
  <si>
    <t>09</t>
  </si>
  <si>
    <t>Added 4/21/26</t>
  </si>
  <si>
    <t>J</t>
  </si>
  <si>
    <t>Allis Chalmers</t>
  </si>
  <si>
    <t>OBSOLETE</t>
  </si>
  <si>
    <t>Kuhlman Electric (Originally Associated Engineering)</t>
  </si>
  <si>
    <t>L</t>
  </si>
  <si>
    <t>Consert Auxiliary Equipment</t>
  </si>
  <si>
    <t>M</t>
  </si>
  <si>
    <t>Standard Transformers</t>
  </si>
  <si>
    <t>N</t>
  </si>
  <si>
    <t>Astra</t>
  </si>
  <si>
    <t>O</t>
  </si>
  <si>
    <t>American Elin</t>
  </si>
  <si>
    <t>P</t>
  </si>
  <si>
    <t>Meter Devices</t>
  </si>
  <si>
    <t>Q</t>
  </si>
  <si>
    <t>Wagner</t>
  </si>
  <si>
    <t>Brown Boveri</t>
  </si>
  <si>
    <t>Vision Metering (Originally Austin Int'l)</t>
  </si>
  <si>
    <t>Andover</t>
  </si>
  <si>
    <t>U</t>
  </si>
  <si>
    <t>Quad Logic</t>
  </si>
  <si>
    <t>V</t>
  </si>
  <si>
    <t>Messwandler-Bau</t>
  </si>
  <si>
    <t>W</t>
  </si>
  <si>
    <t>Alston-Savoisienne</t>
  </si>
  <si>
    <t>X</t>
  </si>
  <si>
    <t>Comverge</t>
  </si>
  <si>
    <t>Y</t>
  </si>
  <si>
    <t>Schneider (was Power Measurements)</t>
  </si>
  <si>
    <t>Electromagnetic Industries (Originally Square D)</t>
  </si>
  <si>
    <t>0  (zero)</t>
  </si>
  <si>
    <t>Weschler (formerly EIL Instruments), Sumatron</t>
  </si>
  <si>
    <t>Automated Technology Corp</t>
  </si>
  <si>
    <t>Process Systems</t>
  </si>
  <si>
    <t>Motorola Inc</t>
  </si>
  <si>
    <t>Appalachian Technologies</t>
  </si>
  <si>
    <t>Echelon Corporation (Originally Metering Technology Corporation)</t>
  </si>
  <si>
    <t>Sensus (Originally Invensys Metering Systems)</t>
  </si>
  <si>
    <t>Ampy  Automation Digilog Limited</t>
  </si>
  <si>
    <t>Ritz</t>
  </si>
  <si>
    <t>Two Sockets Two Meters</t>
  </si>
  <si>
    <t>.</t>
  </si>
  <si>
    <t>Union Metals</t>
  </si>
  <si>
    <t>/</t>
  </si>
  <si>
    <t>Solid State Industries (Braydon Industries)</t>
  </si>
  <si>
    <t>+</t>
  </si>
  <si>
    <t>Transdata</t>
  </si>
  <si>
    <t>%</t>
  </si>
  <si>
    <t>Instrument Transformer Equip Co. (ITEC)</t>
  </si>
  <si>
    <t>$</t>
  </si>
  <si>
    <t>Trilliant</t>
  </si>
  <si>
    <t>-</t>
  </si>
  <si>
    <t>*</t>
  </si>
  <si>
    <t>SEL (Schweitzer Engineering Laboratories)</t>
  </si>
  <si>
    <t>,</t>
  </si>
  <si>
    <t>ElectroIndustries/GaugeTech - EIG (Nexus)</t>
  </si>
  <si>
    <r>
      <t xml:space="preserve">Wasion Americas (Aventa Meter) </t>
    </r>
    <r>
      <rPr>
        <strike/>
        <sz val="11"/>
        <color rgb="FF000000"/>
        <rFont val="Aptos Narrow"/>
        <family val="2"/>
      </rPr>
      <t>Superior Switchboard &amp; Devices</t>
    </r>
  </si>
  <si>
    <t>OFFICIAL AEP BARCODE TABLE FOR TEST SETUP</t>
  </si>
  <si>
    <t>Added 1/13/2022</t>
  </si>
  <si>
    <t>Updated 4/21/202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"/>
    <numFmt numFmtId="165" formatCode="m/d/yy;@"/>
  </numFmts>
  <fonts count="10" x14ac:knownFonts="1">
    <font>
      <sz val="11"/>
      <color theme="1"/>
      <name val="Aptos Narrow"/>
      <family val="2"/>
      <scheme val="minor"/>
    </font>
    <font>
      <b/>
      <sz val="10"/>
      <name val="Arial"/>
      <family val="2"/>
    </font>
    <font>
      <sz val="10"/>
      <name val="Arial"/>
      <family val="2"/>
    </font>
    <font>
      <b/>
      <sz val="14"/>
      <name val="Arial"/>
      <family val="2"/>
    </font>
    <font>
      <strike/>
      <sz val="10"/>
      <name val="Arial"/>
      <family val="2"/>
    </font>
    <font>
      <sz val="11"/>
      <color theme="1"/>
      <name val="Aptos Narrow"/>
      <family val="2"/>
    </font>
    <font>
      <strike/>
      <sz val="11"/>
      <color rgb="FF000000"/>
      <name val="Aptos Narrow"/>
      <family val="2"/>
    </font>
    <font>
      <b/>
      <sz val="11"/>
      <color theme="1"/>
      <name val="Aptos Narrow"/>
      <family val="2"/>
    </font>
    <font>
      <b/>
      <sz val="14"/>
      <color theme="1"/>
      <name val="Aptos Narrow"/>
      <family val="2"/>
    </font>
    <font>
      <b/>
      <sz val="16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FFFF00"/>
        <bgColor rgb="FF000000"/>
      </patternFill>
    </fill>
    <fill>
      <patternFill patternType="solid">
        <fgColor rgb="FFFFFFFF"/>
        <bgColor rgb="FF000000"/>
      </patternFill>
    </fill>
    <fill>
      <patternFill patternType="solid">
        <fgColor theme="2" tint="-9.9978637043366805E-2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</borders>
  <cellStyleXfs count="1">
    <xf numFmtId="0" fontId="0" fillId="0" borderId="0"/>
  </cellStyleXfs>
  <cellXfs count="33">
    <xf numFmtId="0" fontId="0" fillId="0" borderId="0" xfId="0"/>
    <xf numFmtId="0" fontId="1" fillId="0" borderId="0" xfId="0" applyFont="1"/>
    <xf numFmtId="0" fontId="0" fillId="0" borderId="0" xfId="0" applyAlignment="1">
      <alignment horizontal="left"/>
    </xf>
    <xf numFmtId="0" fontId="0" fillId="0" borderId="0" xfId="0" applyAlignment="1">
      <alignment horizontal="right"/>
    </xf>
    <xf numFmtId="0" fontId="2" fillId="0" borderId="0" xfId="0" applyFont="1" applyAlignment="1">
      <alignment horizontal="left"/>
    </xf>
    <xf numFmtId="164" fontId="0" fillId="0" borderId="0" xfId="0" applyNumberFormat="1" applyAlignment="1">
      <alignment horizontal="right"/>
    </xf>
    <xf numFmtId="0" fontId="1" fillId="0" borderId="0" xfId="0" applyFont="1" applyAlignment="1">
      <alignment horizontal="left"/>
    </xf>
    <xf numFmtId="49" fontId="1" fillId="0" borderId="0" xfId="0" quotePrefix="1" applyNumberFormat="1" applyFont="1" applyAlignment="1">
      <alignment horizontal="left"/>
    </xf>
    <xf numFmtId="0" fontId="1" fillId="5" borderId="1" xfId="0" applyFont="1" applyFill="1" applyBorder="1" applyAlignment="1">
      <alignment wrapText="1"/>
    </xf>
    <xf numFmtId="0" fontId="1" fillId="5" borderId="1" xfId="0" applyFont="1" applyFill="1" applyBorder="1" applyAlignment="1">
      <alignment horizontal="left" wrapText="1"/>
    </xf>
    <xf numFmtId="0" fontId="1" fillId="5" borderId="1" xfId="0" applyFont="1" applyFill="1" applyBorder="1" applyAlignment="1">
      <alignment horizontal="center" wrapText="1"/>
    </xf>
    <xf numFmtId="0" fontId="5" fillId="0" borderId="0" xfId="0" applyFont="1" applyAlignment="1">
      <alignment horizontal="center"/>
    </xf>
    <xf numFmtId="165" fontId="5" fillId="0" borderId="0" xfId="0" applyNumberFormat="1" applyFont="1" applyAlignment="1">
      <alignment horizontal="center"/>
    </xf>
    <xf numFmtId="0" fontId="5" fillId="0" borderId="0" xfId="0" applyFont="1"/>
    <xf numFmtId="0" fontId="2" fillId="0" borderId="0" xfId="0" applyFont="1"/>
    <xf numFmtId="0" fontId="2" fillId="0" borderId="0" xfId="0" applyFont="1" applyAlignment="1">
      <alignment horizontal="left" wrapText="1"/>
    </xf>
    <xf numFmtId="0" fontId="2" fillId="4" borderId="0" xfId="0" applyFont="1" applyFill="1"/>
    <xf numFmtId="0" fontId="5" fillId="3" borderId="0" xfId="0" applyFont="1" applyFill="1" applyAlignment="1">
      <alignment horizontal="center"/>
    </xf>
    <xf numFmtId="0" fontId="5" fillId="3" borderId="0" xfId="0" applyFont="1" applyFill="1"/>
    <xf numFmtId="0" fontId="4" fillId="4" borderId="0" xfId="0" applyFont="1" applyFill="1"/>
    <xf numFmtId="0" fontId="5" fillId="4" borderId="0" xfId="0" applyFont="1" applyFill="1"/>
    <xf numFmtId="14" fontId="2" fillId="0" borderId="0" xfId="0" applyNumberFormat="1" applyFont="1"/>
    <xf numFmtId="0" fontId="5" fillId="4" borderId="0" xfId="0" applyFont="1" applyFill="1" applyAlignment="1">
      <alignment horizontal="left"/>
    </xf>
    <xf numFmtId="0" fontId="5" fillId="0" borderId="0" xfId="0" applyFont="1" applyAlignment="1">
      <alignment horizontal="left"/>
    </xf>
    <xf numFmtId="0" fontId="4" fillId="4" borderId="0" xfId="0" applyFont="1" applyFill="1" applyAlignment="1">
      <alignment horizontal="left"/>
    </xf>
    <xf numFmtId="0" fontId="4" fillId="3" borderId="0" xfId="0" applyFont="1" applyFill="1"/>
    <xf numFmtId="0" fontId="2" fillId="3" borderId="0" xfId="0" applyFont="1" applyFill="1"/>
    <xf numFmtId="0" fontId="7" fillId="0" borderId="0" xfId="0" applyFont="1" applyAlignment="1">
      <alignment horizontal="center"/>
    </xf>
    <xf numFmtId="0" fontId="3" fillId="2" borderId="2" xfId="0" applyFont="1" applyFill="1" applyBorder="1" applyAlignment="1">
      <alignment horizontal="center"/>
    </xf>
    <xf numFmtId="0" fontId="9" fillId="3" borderId="3" xfId="0" applyFont="1" applyFill="1" applyBorder="1" applyAlignment="1">
      <alignment horizontal="center" vertical="center"/>
    </xf>
    <xf numFmtId="0" fontId="9" fillId="3" borderId="4" xfId="0" applyFont="1" applyFill="1" applyBorder="1" applyAlignment="1">
      <alignment horizontal="center" vertical="center"/>
    </xf>
    <xf numFmtId="0" fontId="9" fillId="3" borderId="5" xfId="0" applyFont="1" applyFill="1" applyBorder="1" applyAlignment="1">
      <alignment horizontal="center" vertical="center"/>
    </xf>
    <xf numFmtId="0" fontId="8" fillId="0" borderId="2" xfId="0" applyFont="1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23748D-4573-422C-A5DE-EA8BEA473F45}">
  <dimension ref="A1:J1160"/>
  <sheetViews>
    <sheetView tabSelected="1" workbookViewId="0">
      <selection activeCell="H11" sqref="H11"/>
    </sheetView>
  </sheetViews>
  <sheetFormatPr defaultRowHeight="15" x14ac:dyDescent="0.25"/>
  <cols>
    <col min="1" max="1" width="6.140625" style="1" bestFit="1" customWidth="1"/>
    <col min="2" max="2" width="6.42578125" style="2" customWidth="1"/>
    <col min="3" max="3" width="6" style="2" customWidth="1"/>
    <col min="4" max="4" width="7.7109375" style="2" bestFit="1" customWidth="1"/>
    <col min="5" max="5" width="4" bestFit="1" customWidth="1"/>
    <col min="6" max="6" width="13.85546875" style="3" bestFit="1" customWidth="1"/>
    <col min="7" max="7" width="12" bestFit="1" customWidth="1"/>
    <col min="8" max="8" width="6.5703125" style="3" bestFit="1" customWidth="1"/>
    <col min="9" max="9" width="5.28515625" style="3" bestFit="1" customWidth="1"/>
    <col min="10" max="10" width="16.85546875" bestFit="1" customWidth="1"/>
  </cols>
  <sheetData>
    <row r="1" spans="1:10" ht="18" x14ac:dyDescent="0.25">
      <c r="A1" s="28" t="s">
        <v>1259</v>
      </c>
      <c r="B1" s="28"/>
      <c r="C1" s="28"/>
      <c r="D1" s="28"/>
      <c r="E1" s="28"/>
      <c r="F1" s="28"/>
      <c r="G1" s="28"/>
      <c r="H1" s="28"/>
      <c r="I1" s="28"/>
      <c r="J1" s="28"/>
    </row>
    <row r="2" spans="1:10" ht="39" x14ac:dyDescent="0.25">
      <c r="A2" s="8" t="s">
        <v>0</v>
      </c>
      <c r="B2" s="9" t="s">
        <v>1</v>
      </c>
      <c r="C2" s="9" t="s">
        <v>2</v>
      </c>
      <c r="D2" s="9" t="s">
        <v>3</v>
      </c>
      <c r="E2" s="8" t="s">
        <v>4</v>
      </c>
      <c r="F2" s="10" t="s">
        <v>5</v>
      </c>
      <c r="G2" s="10" t="s">
        <v>6</v>
      </c>
      <c r="H2" s="10" t="s">
        <v>7</v>
      </c>
      <c r="I2" s="10" t="s">
        <v>8</v>
      </c>
      <c r="J2" s="10" t="s">
        <v>9</v>
      </c>
    </row>
    <row r="3" spans="1:10" x14ac:dyDescent="0.25">
      <c r="A3" s="1" t="s">
        <v>10</v>
      </c>
      <c r="B3" s="2">
        <v>14</v>
      </c>
      <c r="C3" t="s">
        <v>11</v>
      </c>
      <c r="D3" s="2">
        <v>120</v>
      </c>
      <c r="E3">
        <v>30</v>
      </c>
      <c r="F3" s="3">
        <v>21.6</v>
      </c>
      <c r="G3">
        <v>4.6296296296296298</v>
      </c>
      <c r="H3" s="3">
        <v>3</v>
      </c>
      <c r="I3" s="3">
        <v>4</v>
      </c>
    </row>
    <row r="4" spans="1:10" x14ac:dyDescent="0.25">
      <c r="A4" s="1" t="s">
        <v>12</v>
      </c>
      <c r="B4" s="2">
        <v>2</v>
      </c>
      <c r="C4" t="s">
        <v>13</v>
      </c>
      <c r="D4" s="2">
        <v>120</v>
      </c>
      <c r="E4">
        <v>15</v>
      </c>
      <c r="F4" s="3">
        <v>6</v>
      </c>
      <c r="G4">
        <v>16.666666666666668</v>
      </c>
      <c r="H4" s="3">
        <v>1</v>
      </c>
      <c r="I4" s="3">
        <v>2</v>
      </c>
    </row>
    <row r="5" spans="1:10" x14ac:dyDescent="0.25">
      <c r="A5" s="1" t="s">
        <v>14</v>
      </c>
      <c r="B5" s="2">
        <v>35</v>
      </c>
      <c r="C5" t="s">
        <v>13</v>
      </c>
      <c r="D5" s="2">
        <v>0</v>
      </c>
      <c r="E5">
        <v>2.5</v>
      </c>
      <c r="F5" s="3">
        <v>1.2</v>
      </c>
      <c r="H5" s="3">
        <v>3</v>
      </c>
      <c r="I5" s="3">
        <v>3</v>
      </c>
    </row>
    <row r="6" spans="1:10" x14ac:dyDescent="0.25">
      <c r="A6" s="1" t="s">
        <v>15</v>
      </c>
      <c r="B6" s="2">
        <v>35</v>
      </c>
      <c r="C6" t="s">
        <v>13</v>
      </c>
      <c r="D6" s="2">
        <v>120</v>
      </c>
      <c r="E6">
        <v>5</v>
      </c>
      <c r="F6" s="3">
        <v>1.2</v>
      </c>
      <c r="H6" s="3">
        <v>3</v>
      </c>
      <c r="I6" s="3">
        <v>3</v>
      </c>
    </row>
    <row r="7" spans="1:10" x14ac:dyDescent="0.25">
      <c r="A7" s="1" t="s">
        <v>16</v>
      </c>
      <c r="B7" s="2">
        <v>45</v>
      </c>
      <c r="C7" t="s">
        <v>13</v>
      </c>
      <c r="D7" s="2">
        <v>0</v>
      </c>
      <c r="E7">
        <v>2.5</v>
      </c>
      <c r="F7" s="3">
        <v>1.2</v>
      </c>
      <c r="H7" s="3">
        <v>3</v>
      </c>
      <c r="I7" s="3">
        <v>3</v>
      </c>
    </row>
    <row r="8" spans="1:10" x14ac:dyDescent="0.25">
      <c r="A8" s="1" t="s">
        <v>17</v>
      </c>
      <c r="B8" s="2">
        <v>6</v>
      </c>
      <c r="C8" t="s">
        <v>13</v>
      </c>
      <c r="D8" s="2">
        <v>120</v>
      </c>
      <c r="E8">
        <v>10</v>
      </c>
      <c r="F8" s="3">
        <v>0</v>
      </c>
      <c r="H8" s="3">
        <v>3</v>
      </c>
      <c r="I8" s="3">
        <v>4</v>
      </c>
    </row>
    <row r="9" spans="1:10" x14ac:dyDescent="0.25">
      <c r="A9" s="1" t="s">
        <v>18</v>
      </c>
      <c r="B9" s="2">
        <v>12</v>
      </c>
      <c r="C9" t="s">
        <v>13</v>
      </c>
      <c r="D9" s="2">
        <v>120</v>
      </c>
      <c r="E9">
        <v>30</v>
      </c>
      <c r="F9" s="3">
        <v>21.6</v>
      </c>
      <c r="H9" s="3">
        <v>3</v>
      </c>
      <c r="I9" s="3">
        <v>3</v>
      </c>
    </row>
    <row r="10" spans="1:10" x14ac:dyDescent="0.25">
      <c r="A10" s="1" t="s">
        <v>19</v>
      </c>
      <c r="B10" s="2">
        <v>36</v>
      </c>
      <c r="C10" t="s">
        <v>13</v>
      </c>
      <c r="D10" s="2">
        <v>120</v>
      </c>
      <c r="E10">
        <v>5</v>
      </c>
      <c r="F10" s="3">
        <v>1.8</v>
      </c>
      <c r="H10" s="3">
        <v>3</v>
      </c>
      <c r="I10" s="3">
        <v>4</v>
      </c>
    </row>
    <row r="11" spans="1:10" x14ac:dyDescent="0.25">
      <c r="A11" s="1" t="s">
        <v>20</v>
      </c>
      <c r="B11" s="2">
        <v>9</v>
      </c>
      <c r="C11" t="s">
        <v>13</v>
      </c>
      <c r="D11" s="2">
        <v>120</v>
      </c>
      <c r="E11">
        <v>10</v>
      </c>
      <c r="F11" s="3">
        <v>1.8</v>
      </c>
      <c r="H11" s="3">
        <v>3</v>
      </c>
      <c r="I11" s="3">
        <v>4</v>
      </c>
    </row>
    <row r="12" spans="1:10" x14ac:dyDescent="0.25">
      <c r="A12" s="1" t="s">
        <v>21</v>
      </c>
      <c r="B12" s="2">
        <v>45</v>
      </c>
      <c r="C12" t="s">
        <v>22</v>
      </c>
      <c r="D12" s="2">
        <v>120</v>
      </c>
      <c r="E12">
        <v>2.5</v>
      </c>
      <c r="F12" s="3">
        <v>1.2</v>
      </c>
      <c r="H12" s="3">
        <v>3</v>
      </c>
      <c r="I12" s="3">
        <v>3</v>
      </c>
    </row>
    <row r="13" spans="1:10" x14ac:dyDescent="0.25">
      <c r="A13" s="1" t="s">
        <v>23</v>
      </c>
      <c r="B13" s="2">
        <v>1</v>
      </c>
      <c r="C13" t="s">
        <v>13</v>
      </c>
      <c r="D13" s="2">
        <v>120</v>
      </c>
      <c r="E13">
        <v>30</v>
      </c>
      <c r="F13" s="3">
        <v>3.6</v>
      </c>
      <c r="H13" s="3">
        <v>1</v>
      </c>
      <c r="I13" s="3">
        <v>2</v>
      </c>
    </row>
    <row r="14" spans="1:10" x14ac:dyDescent="0.25">
      <c r="A14" s="1" t="s">
        <v>24</v>
      </c>
      <c r="B14" s="2">
        <v>2</v>
      </c>
      <c r="C14" t="s">
        <v>13</v>
      </c>
      <c r="D14" s="2">
        <v>240</v>
      </c>
      <c r="E14">
        <v>50</v>
      </c>
      <c r="F14" s="3">
        <v>7.2</v>
      </c>
      <c r="H14" s="3">
        <v>1</v>
      </c>
      <c r="I14" s="3">
        <v>3</v>
      </c>
    </row>
    <row r="15" spans="1:10" x14ac:dyDescent="0.25">
      <c r="A15" s="1" t="s">
        <v>25</v>
      </c>
      <c r="B15" s="2">
        <v>25</v>
      </c>
      <c r="C15" t="s">
        <v>13</v>
      </c>
      <c r="D15" s="2">
        <v>240</v>
      </c>
      <c r="E15">
        <v>30</v>
      </c>
      <c r="F15" s="3">
        <v>14.4</v>
      </c>
      <c r="H15" s="3">
        <v>3</v>
      </c>
      <c r="I15" s="3">
        <v>3</v>
      </c>
    </row>
    <row r="16" spans="1:10" x14ac:dyDescent="0.25">
      <c r="A16" s="1" t="s">
        <v>26</v>
      </c>
      <c r="B16" s="2">
        <v>5</v>
      </c>
      <c r="C16" t="s">
        <v>27</v>
      </c>
      <c r="D16" s="2">
        <v>120</v>
      </c>
      <c r="E16">
        <v>2.5</v>
      </c>
      <c r="F16" s="3">
        <v>0</v>
      </c>
      <c r="H16" s="3">
        <v>3</v>
      </c>
      <c r="I16" s="3">
        <v>3</v>
      </c>
    </row>
    <row r="17" spans="1:9" x14ac:dyDescent="0.25">
      <c r="A17" s="1" t="s">
        <v>28</v>
      </c>
      <c r="B17" s="2">
        <v>6</v>
      </c>
      <c r="C17" t="s">
        <v>27</v>
      </c>
      <c r="D17" s="2">
        <v>120</v>
      </c>
      <c r="E17">
        <v>2.5</v>
      </c>
      <c r="F17" s="3">
        <v>0</v>
      </c>
      <c r="H17" s="3">
        <v>3</v>
      </c>
      <c r="I17" s="3">
        <v>4</v>
      </c>
    </row>
    <row r="18" spans="1:9" x14ac:dyDescent="0.25">
      <c r="A18" s="1" t="s">
        <v>29</v>
      </c>
      <c r="B18" s="2">
        <v>9</v>
      </c>
      <c r="C18" t="s">
        <v>27</v>
      </c>
      <c r="D18" s="2">
        <v>120</v>
      </c>
      <c r="E18">
        <v>2.5</v>
      </c>
      <c r="F18" s="3">
        <v>0</v>
      </c>
      <c r="H18" s="3">
        <v>3</v>
      </c>
      <c r="I18" s="3">
        <v>4</v>
      </c>
    </row>
    <row r="19" spans="1:9" x14ac:dyDescent="0.25">
      <c r="A19" s="1" t="s">
        <v>30</v>
      </c>
      <c r="B19" s="2">
        <v>5</v>
      </c>
      <c r="C19" t="s">
        <v>27</v>
      </c>
      <c r="D19" s="2">
        <v>240</v>
      </c>
      <c r="E19">
        <v>2.5</v>
      </c>
      <c r="F19" s="3">
        <v>0</v>
      </c>
      <c r="H19" s="3">
        <v>3</v>
      </c>
      <c r="I19" s="3">
        <v>3</v>
      </c>
    </row>
    <row r="20" spans="1:9" x14ac:dyDescent="0.25">
      <c r="A20" s="1" t="s">
        <v>31</v>
      </c>
      <c r="B20" s="2">
        <v>6</v>
      </c>
      <c r="C20" t="s">
        <v>27</v>
      </c>
      <c r="D20" s="2">
        <v>240</v>
      </c>
      <c r="E20">
        <v>2.5</v>
      </c>
      <c r="F20" s="3">
        <v>0</v>
      </c>
      <c r="H20" s="3">
        <v>3</v>
      </c>
      <c r="I20" s="3">
        <v>4</v>
      </c>
    </row>
    <row r="21" spans="1:9" x14ac:dyDescent="0.25">
      <c r="A21" s="1" t="s">
        <v>32</v>
      </c>
      <c r="B21" s="2">
        <v>9</v>
      </c>
      <c r="C21" t="s">
        <v>27</v>
      </c>
      <c r="D21" s="2">
        <v>240</v>
      </c>
      <c r="E21">
        <v>2.5</v>
      </c>
      <c r="F21" s="3">
        <v>0</v>
      </c>
      <c r="H21" s="3">
        <v>3</v>
      </c>
      <c r="I21" s="3">
        <v>4</v>
      </c>
    </row>
    <row r="22" spans="1:9" x14ac:dyDescent="0.25">
      <c r="A22" s="1" t="s">
        <v>33</v>
      </c>
      <c r="B22" s="2">
        <v>5</v>
      </c>
      <c r="C22" t="s">
        <v>27</v>
      </c>
      <c r="D22" s="2">
        <v>277</v>
      </c>
      <c r="E22">
        <v>2.5</v>
      </c>
      <c r="F22" s="3">
        <v>0</v>
      </c>
      <c r="H22" s="3">
        <v>3</v>
      </c>
      <c r="I22" s="3">
        <v>3</v>
      </c>
    </row>
    <row r="23" spans="1:9" x14ac:dyDescent="0.25">
      <c r="A23" s="1" t="s">
        <v>34</v>
      </c>
      <c r="B23" s="2">
        <v>6</v>
      </c>
      <c r="C23" t="s">
        <v>27</v>
      </c>
      <c r="D23" s="2">
        <v>277</v>
      </c>
      <c r="E23">
        <v>2.5</v>
      </c>
      <c r="F23" s="3">
        <v>0</v>
      </c>
      <c r="H23" s="3">
        <v>3</v>
      </c>
      <c r="I23" s="3">
        <v>4</v>
      </c>
    </row>
    <row r="24" spans="1:9" x14ac:dyDescent="0.25">
      <c r="A24" s="1" t="s">
        <v>35</v>
      </c>
      <c r="B24" s="2">
        <v>9</v>
      </c>
      <c r="C24" t="s">
        <v>27</v>
      </c>
      <c r="D24" s="2">
        <v>277</v>
      </c>
      <c r="E24">
        <v>2.5</v>
      </c>
      <c r="F24" s="3">
        <v>0</v>
      </c>
      <c r="H24" s="3">
        <v>3</v>
      </c>
      <c r="I24" s="3">
        <v>4</v>
      </c>
    </row>
    <row r="25" spans="1:9" x14ac:dyDescent="0.25">
      <c r="A25" s="1" t="s">
        <v>36</v>
      </c>
      <c r="B25" s="2">
        <v>5</v>
      </c>
      <c r="C25" t="s">
        <v>27</v>
      </c>
      <c r="D25" s="2">
        <v>480</v>
      </c>
      <c r="E25">
        <v>2.5</v>
      </c>
      <c r="F25" s="3">
        <v>0</v>
      </c>
      <c r="H25" s="3">
        <v>3</v>
      </c>
      <c r="I25" s="3">
        <v>3</v>
      </c>
    </row>
    <row r="26" spans="1:9" x14ac:dyDescent="0.25">
      <c r="A26" s="1" t="s">
        <v>37</v>
      </c>
      <c r="B26" s="2">
        <v>6</v>
      </c>
      <c r="C26" t="s">
        <v>27</v>
      </c>
      <c r="D26" s="2">
        <v>480</v>
      </c>
      <c r="E26">
        <v>2.5</v>
      </c>
      <c r="F26" s="3">
        <v>0</v>
      </c>
      <c r="H26" s="3">
        <v>3</v>
      </c>
      <c r="I26" s="3">
        <v>4</v>
      </c>
    </row>
    <row r="27" spans="1:9" x14ac:dyDescent="0.25">
      <c r="A27" s="1" t="s">
        <v>38</v>
      </c>
      <c r="B27" s="2">
        <v>9</v>
      </c>
      <c r="C27" t="s">
        <v>27</v>
      </c>
      <c r="D27" s="2">
        <v>480</v>
      </c>
      <c r="E27">
        <v>2.5</v>
      </c>
      <c r="F27" s="3">
        <v>0</v>
      </c>
      <c r="H27" s="3">
        <v>3</v>
      </c>
      <c r="I27" s="3">
        <v>4</v>
      </c>
    </row>
    <row r="28" spans="1:9" x14ac:dyDescent="0.25">
      <c r="A28" s="1" t="s">
        <v>39</v>
      </c>
      <c r="B28" s="2">
        <v>5</v>
      </c>
      <c r="C28" t="s">
        <v>27</v>
      </c>
      <c r="D28" s="2">
        <v>0</v>
      </c>
      <c r="E28">
        <v>2.5</v>
      </c>
      <c r="F28" s="3">
        <v>0</v>
      </c>
      <c r="H28" s="3">
        <v>3</v>
      </c>
      <c r="I28" s="3">
        <v>3</v>
      </c>
    </row>
    <row r="29" spans="1:9" x14ac:dyDescent="0.25">
      <c r="A29" s="1" t="s">
        <v>40</v>
      </c>
      <c r="B29" s="2">
        <v>6</v>
      </c>
      <c r="C29" t="s">
        <v>27</v>
      </c>
      <c r="D29" s="2">
        <v>0</v>
      </c>
      <c r="E29">
        <v>2.5</v>
      </c>
      <c r="F29" s="3">
        <v>0</v>
      </c>
      <c r="H29" s="3">
        <v>3</v>
      </c>
      <c r="I29" s="3">
        <v>4</v>
      </c>
    </row>
    <row r="30" spans="1:9" x14ac:dyDescent="0.25">
      <c r="A30" s="1" t="s">
        <v>41</v>
      </c>
      <c r="B30" s="2">
        <v>9</v>
      </c>
      <c r="C30" t="s">
        <v>27</v>
      </c>
      <c r="D30" s="2">
        <v>0</v>
      </c>
      <c r="E30">
        <v>2.5</v>
      </c>
      <c r="F30" s="3">
        <v>0</v>
      </c>
      <c r="H30" s="3">
        <v>3</v>
      </c>
      <c r="I30" s="3">
        <v>4</v>
      </c>
    </row>
    <row r="31" spans="1:9" x14ac:dyDescent="0.25">
      <c r="A31" s="1" t="s">
        <v>42</v>
      </c>
      <c r="B31" s="2">
        <v>3</v>
      </c>
      <c r="C31" t="s">
        <v>13</v>
      </c>
      <c r="D31" s="2">
        <v>240</v>
      </c>
      <c r="E31">
        <v>2.5</v>
      </c>
      <c r="F31" s="3">
        <v>0.6</v>
      </c>
      <c r="G31">
        <v>33.333333333333336</v>
      </c>
      <c r="H31" s="3">
        <v>1</v>
      </c>
      <c r="I31" s="3">
        <v>2</v>
      </c>
    </row>
    <row r="32" spans="1:9" x14ac:dyDescent="0.25">
      <c r="A32" s="1" t="s">
        <v>43</v>
      </c>
      <c r="B32" s="2">
        <v>12</v>
      </c>
      <c r="C32" t="s">
        <v>13</v>
      </c>
      <c r="D32" s="2">
        <v>480</v>
      </c>
      <c r="E32">
        <v>30</v>
      </c>
      <c r="F32" s="3">
        <v>14.4</v>
      </c>
      <c r="H32" s="3">
        <v>3</v>
      </c>
      <c r="I32" s="3">
        <v>3</v>
      </c>
    </row>
    <row r="33" spans="1:10" x14ac:dyDescent="0.25">
      <c r="A33" s="1" t="s">
        <v>44</v>
      </c>
      <c r="B33" s="2">
        <v>16</v>
      </c>
      <c r="C33" t="s">
        <v>13</v>
      </c>
      <c r="D33" s="2">
        <v>277</v>
      </c>
      <c r="E33">
        <v>50</v>
      </c>
      <c r="F33" s="3">
        <v>21.6</v>
      </c>
      <c r="H33" s="3">
        <v>3</v>
      </c>
      <c r="I33" s="3">
        <v>4</v>
      </c>
      <c r="J33" s="3">
        <v>1.8</v>
      </c>
    </row>
    <row r="34" spans="1:10" x14ac:dyDescent="0.25">
      <c r="A34" s="1" t="s">
        <v>45</v>
      </c>
      <c r="B34" s="2">
        <v>6</v>
      </c>
      <c r="C34" t="s">
        <v>27</v>
      </c>
      <c r="D34" s="2">
        <v>120</v>
      </c>
      <c r="E34">
        <v>5</v>
      </c>
      <c r="F34" s="3">
        <v>0</v>
      </c>
      <c r="H34" s="3">
        <v>3</v>
      </c>
      <c r="I34" s="3">
        <v>4</v>
      </c>
    </row>
    <row r="35" spans="1:10" x14ac:dyDescent="0.25">
      <c r="A35" s="1" t="s">
        <v>46</v>
      </c>
      <c r="B35" s="2">
        <v>5</v>
      </c>
      <c r="C35" t="s">
        <v>27</v>
      </c>
      <c r="D35" s="2">
        <v>120</v>
      </c>
      <c r="E35">
        <v>5</v>
      </c>
      <c r="F35" s="3">
        <v>0</v>
      </c>
      <c r="H35" s="3">
        <v>3</v>
      </c>
      <c r="I35" s="3">
        <v>3</v>
      </c>
    </row>
    <row r="36" spans="1:10" x14ac:dyDescent="0.25">
      <c r="A36" s="1" t="s">
        <v>47</v>
      </c>
      <c r="B36" s="2">
        <v>36</v>
      </c>
      <c r="C36" t="s">
        <v>13</v>
      </c>
      <c r="D36" s="2">
        <v>69</v>
      </c>
      <c r="E36">
        <v>2.5</v>
      </c>
      <c r="F36" s="3">
        <v>1.08</v>
      </c>
      <c r="H36" s="3">
        <v>3</v>
      </c>
      <c r="I36" s="3">
        <v>4</v>
      </c>
    </row>
    <row r="37" spans="1:10" x14ac:dyDescent="0.25">
      <c r="A37" s="1" t="s">
        <v>48</v>
      </c>
      <c r="B37" s="2">
        <v>9</v>
      </c>
      <c r="C37" t="s">
        <v>13</v>
      </c>
      <c r="D37" s="2">
        <v>69</v>
      </c>
      <c r="E37">
        <v>2.5</v>
      </c>
      <c r="F37" s="3">
        <v>1.08</v>
      </c>
      <c r="H37" s="3">
        <v>3</v>
      </c>
      <c r="I37" s="3">
        <v>4</v>
      </c>
    </row>
    <row r="38" spans="1:10" x14ac:dyDescent="0.25">
      <c r="A38" s="1" t="s">
        <v>49</v>
      </c>
      <c r="B38" s="2">
        <v>12</v>
      </c>
      <c r="C38" t="s">
        <v>13</v>
      </c>
      <c r="D38" s="2">
        <v>240</v>
      </c>
      <c r="E38">
        <v>50</v>
      </c>
      <c r="F38" s="3">
        <v>14.4</v>
      </c>
      <c r="H38" s="3">
        <v>3</v>
      </c>
      <c r="I38" s="3">
        <v>3</v>
      </c>
    </row>
    <row r="39" spans="1:10" x14ac:dyDescent="0.25">
      <c r="A39" s="1" t="s">
        <v>50</v>
      </c>
      <c r="B39" s="2">
        <v>35</v>
      </c>
      <c r="C39" t="s">
        <v>27</v>
      </c>
      <c r="D39" s="2">
        <v>0</v>
      </c>
      <c r="E39">
        <v>2.5</v>
      </c>
      <c r="F39" s="3">
        <v>0</v>
      </c>
      <c r="H39" s="3">
        <v>3</v>
      </c>
      <c r="I39" s="3">
        <v>3</v>
      </c>
    </row>
    <row r="40" spans="1:10" x14ac:dyDescent="0.25">
      <c r="A40" s="1" t="s">
        <v>51</v>
      </c>
      <c r="B40" s="2">
        <v>36</v>
      </c>
      <c r="C40" t="s">
        <v>27</v>
      </c>
      <c r="D40" s="2">
        <v>0</v>
      </c>
      <c r="E40">
        <v>2.5</v>
      </c>
      <c r="F40" s="3">
        <v>0</v>
      </c>
      <c r="H40" s="3">
        <v>3</v>
      </c>
      <c r="I40" s="3">
        <v>4</v>
      </c>
    </row>
    <row r="41" spans="1:10" x14ac:dyDescent="0.25">
      <c r="A41" s="1" t="s">
        <v>52</v>
      </c>
      <c r="B41" s="2">
        <v>13</v>
      </c>
      <c r="C41" t="s">
        <v>22</v>
      </c>
      <c r="D41" s="2">
        <v>120</v>
      </c>
      <c r="E41">
        <v>30</v>
      </c>
      <c r="F41" s="3">
        <v>14.4</v>
      </c>
      <c r="H41" s="3">
        <v>3</v>
      </c>
      <c r="I41" s="3">
        <v>3</v>
      </c>
    </row>
    <row r="42" spans="1:10" x14ac:dyDescent="0.25">
      <c r="A42" s="1" t="s">
        <v>53</v>
      </c>
      <c r="B42" s="2">
        <v>2</v>
      </c>
      <c r="C42" t="s">
        <v>13</v>
      </c>
      <c r="D42" s="2">
        <v>240</v>
      </c>
      <c r="E42">
        <v>30</v>
      </c>
      <c r="F42" s="3">
        <v>10</v>
      </c>
      <c r="H42" s="3">
        <v>1</v>
      </c>
      <c r="I42" s="3">
        <v>3</v>
      </c>
      <c r="J42" s="3">
        <v>1</v>
      </c>
    </row>
    <row r="43" spans="1:10" x14ac:dyDescent="0.25">
      <c r="A43" s="1" t="s">
        <v>54</v>
      </c>
      <c r="B43" s="2">
        <v>9</v>
      </c>
      <c r="C43" t="s">
        <v>22</v>
      </c>
      <c r="D43" s="2">
        <v>69</v>
      </c>
      <c r="E43">
        <v>10</v>
      </c>
      <c r="F43" s="3">
        <v>0</v>
      </c>
      <c r="H43" s="3">
        <v>3</v>
      </c>
      <c r="I43" s="3">
        <v>4</v>
      </c>
    </row>
    <row r="44" spans="1:10" x14ac:dyDescent="0.25">
      <c r="A44" s="1" t="s">
        <v>55</v>
      </c>
      <c r="B44" s="2">
        <v>9</v>
      </c>
      <c r="C44" t="s">
        <v>13</v>
      </c>
      <c r="D44" s="2">
        <v>120</v>
      </c>
      <c r="E44">
        <v>30</v>
      </c>
      <c r="F44" s="3">
        <v>21.6</v>
      </c>
      <c r="H44" s="3">
        <v>3</v>
      </c>
      <c r="I44" s="3">
        <v>4</v>
      </c>
    </row>
    <row r="45" spans="1:10" x14ac:dyDescent="0.25">
      <c r="A45" s="1" t="s">
        <v>56</v>
      </c>
      <c r="B45" s="2">
        <v>3</v>
      </c>
      <c r="C45" t="s">
        <v>13</v>
      </c>
      <c r="D45" s="2">
        <v>240</v>
      </c>
      <c r="E45">
        <v>5</v>
      </c>
      <c r="F45" s="3">
        <v>1.2</v>
      </c>
      <c r="H45" s="3">
        <v>1</v>
      </c>
      <c r="I45" s="3">
        <v>2</v>
      </c>
    </row>
    <row r="46" spans="1:10" x14ac:dyDescent="0.25">
      <c r="A46" s="1" t="s">
        <v>57</v>
      </c>
      <c r="B46" s="2">
        <v>1</v>
      </c>
      <c r="C46" t="s">
        <v>13</v>
      </c>
      <c r="D46" s="2">
        <v>120</v>
      </c>
      <c r="E46">
        <v>15</v>
      </c>
      <c r="F46" s="3">
        <v>1.8</v>
      </c>
      <c r="G46">
        <v>555.55555555555554</v>
      </c>
      <c r="H46" s="3">
        <v>1</v>
      </c>
      <c r="I46" s="3">
        <v>2</v>
      </c>
    </row>
    <row r="47" spans="1:10" x14ac:dyDescent="0.25">
      <c r="A47" s="1" t="s">
        <v>58</v>
      </c>
      <c r="B47" s="2">
        <v>16</v>
      </c>
      <c r="C47" t="s">
        <v>13</v>
      </c>
      <c r="D47" s="2">
        <v>240</v>
      </c>
      <c r="E47">
        <v>30</v>
      </c>
      <c r="F47" s="3">
        <v>43.2</v>
      </c>
      <c r="G47">
        <v>2.3148148148148149</v>
      </c>
      <c r="H47" s="3">
        <v>3</v>
      </c>
      <c r="I47" s="3">
        <v>4</v>
      </c>
    </row>
    <row r="48" spans="1:10" x14ac:dyDescent="0.25">
      <c r="A48" s="1" t="s">
        <v>59</v>
      </c>
      <c r="B48" s="2">
        <v>12</v>
      </c>
      <c r="C48" t="s">
        <v>22</v>
      </c>
      <c r="D48" s="2">
        <v>240</v>
      </c>
      <c r="E48">
        <v>30</v>
      </c>
      <c r="F48" s="3">
        <v>28.8</v>
      </c>
      <c r="G48">
        <v>3.4722222222222223</v>
      </c>
      <c r="H48" s="3">
        <v>3</v>
      </c>
      <c r="I48" s="3">
        <v>3</v>
      </c>
    </row>
    <row r="49" spans="1:9" x14ac:dyDescent="0.25">
      <c r="A49" s="1" t="s">
        <v>60</v>
      </c>
      <c r="B49" s="2">
        <v>12</v>
      </c>
      <c r="C49" t="s">
        <v>22</v>
      </c>
      <c r="D49" s="2">
        <v>120</v>
      </c>
      <c r="E49">
        <v>30</v>
      </c>
      <c r="F49" s="3">
        <v>14.4</v>
      </c>
      <c r="G49">
        <v>6.9444444444444446</v>
      </c>
      <c r="H49" s="3">
        <v>3</v>
      </c>
      <c r="I49" s="3">
        <v>3</v>
      </c>
    </row>
    <row r="50" spans="1:9" x14ac:dyDescent="0.25">
      <c r="A50" s="1" t="s">
        <v>61</v>
      </c>
      <c r="B50" s="2">
        <v>2</v>
      </c>
      <c r="C50" t="s">
        <v>13</v>
      </c>
      <c r="D50" s="2">
        <v>240</v>
      </c>
      <c r="E50">
        <v>50</v>
      </c>
      <c r="F50" s="3">
        <v>9</v>
      </c>
      <c r="H50" s="3">
        <v>1</v>
      </c>
      <c r="I50" s="3">
        <v>3</v>
      </c>
    </row>
    <row r="51" spans="1:9" x14ac:dyDescent="0.25">
      <c r="A51" s="1" t="s">
        <v>62</v>
      </c>
      <c r="B51" s="2">
        <v>45</v>
      </c>
      <c r="C51" t="s">
        <v>27</v>
      </c>
      <c r="D51" s="2">
        <v>120</v>
      </c>
      <c r="E51">
        <v>2.5</v>
      </c>
      <c r="F51" s="3">
        <v>1.2</v>
      </c>
      <c r="H51" s="3">
        <v>3</v>
      </c>
      <c r="I51" s="3">
        <v>3</v>
      </c>
    </row>
    <row r="52" spans="1:9" x14ac:dyDescent="0.25">
      <c r="A52" s="1" t="s">
        <v>63</v>
      </c>
      <c r="B52" s="2">
        <v>9</v>
      </c>
      <c r="C52" t="s">
        <v>13</v>
      </c>
      <c r="D52" s="2">
        <v>120</v>
      </c>
      <c r="E52">
        <v>2.5</v>
      </c>
      <c r="F52" s="3">
        <v>0.5</v>
      </c>
      <c r="H52" s="3">
        <v>3</v>
      </c>
      <c r="I52" s="3">
        <v>4</v>
      </c>
    </row>
    <row r="53" spans="1:9" x14ac:dyDescent="0.25">
      <c r="A53" s="1" t="s">
        <v>64</v>
      </c>
      <c r="B53" s="2">
        <v>2</v>
      </c>
      <c r="C53" t="s">
        <v>13</v>
      </c>
      <c r="D53" s="2">
        <v>120</v>
      </c>
      <c r="E53">
        <v>30</v>
      </c>
      <c r="F53" s="3">
        <v>7.2</v>
      </c>
      <c r="G53">
        <v>55.555555555555557</v>
      </c>
      <c r="H53" s="3">
        <v>1</v>
      </c>
      <c r="I53" s="3">
        <v>2</v>
      </c>
    </row>
    <row r="54" spans="1:9" x14ac:dyDescent="0.25">
      <c r="A54" s="1" t="s">
        <v>65</v>
      </c>
      <c r="B54" s="2">
        <v>2</v>
      </c>
      <c r="C54" t="s">
        <v>13</v>
      </c>
      <c r="D54" s="2">
        <v>120</v>
      </c>
      <c r="E54">
        <v>30</v>
      </c>
      <c r="F54" s="3">
        <v>7.2</v>
      </c>
      <c r="G54">
        <v>13.888888888888889</v>
      </c>
      <c r="H54" s="3">
        <v>1</v>
      </c>
      <c r="I54" s="3">
        <v>2</v>
      </c>
    </row>
    <row r="55" spans="1:9" x14ac:dyDescent="0.25">
      <c r="A55" s="1" t="s">
        <v>66</v>
      </c>
      <c r="B55" s="2">
        <v>1</v>
      </c>
      <c r="C55" t="s">
        <v>13</v>
      </c>
      <c r="D55" s="2">
        <v>120</v>
      </c>
      <c r="E55">
        <v>15</v>
      </c>
      <c r="F55" s="3">
        <v>1</v>
      </c>
      <c r="H55" s="3">
        <v>1</v>
      </c>
      <c r="I55" s="3">
        <v>2</v>
      </c>
    </row>
    <row r="56" spans="1:9" x14ac:dyDescent="0.25">
      <c r="A56" s="1" t="s">
        <v>67</v>
      </c>
      <c r="B56" s="2">
        <v>39</v>
      </c>
      <c r="C56" t="s">
        <v>13</v>
      </c>
      <c r="D56" s="2">
        <v>0</v>
      </c>
      <c r="E56">
        <v>2.5</v>
      </c>
      <c r="F56" s="3">
        <v>1.8</v>
      </c>
      <c r="H56" s="3">
        <v>3</v>
      </c>
      <c r="I56" s="3">
        <v>4</v>
      </c>
    </row>
    <row r="57" spans="1:9" x14ac:dyDescent="0.25">
      <c r="A57" s="1" t="s">
        <v>68</v>
      </c>
      <c r="B57" s="2">
        <v>76</v>
      </c>
      <c r="C57" t="s">
        <v>13</v>
      </c>
      <c r="D57" s="2">
        <v>0</v>
      </c>
      <c r="E57">
        <v>2.5</v>
      </c>
      <c r="F57" s="3">
        <v>1.8</v>
      </c>
      <c r="H57" s="3">
        <v>3</v>
      </c>
      <c r="I57" s="3">
        <v>4</v>
      </c>
    </row>
    <row r="58" spans="1:9" x14ac:dyDescent="0.25">
      <c r="A58" s="1" t="s">
        <v>69</v>
      </c>
      <c r="B58" s="2">
        <v>3</v>
      </c>
      <c r="C58" t="s">
        <v>13</v>
      </c>
      <c r="D58" s="2">
        <v>120</v>
      </c>
      <c r="E58">
        <v>2.5</v>
      </c>
      <c r="F58" s="3">
        <v>1</v>
      </c>
      <c r="H58" s="3">
        <v>1</v>
      </c>
      <c r="I58" s="3">
        <v>2</v>
      </c>
    </row>
    <row r="59" spans="1:9" x14ac:dyDescent="0.25">
      <c r="A59" s="1" t="s">
        <v>70</v>
      </c>
      <c r="B59" s="2">
        <v>3</v>
      </c>
      <c r="C59" t="s">
        <v>13</v>
      </c>
      <c r="D59" s="2">
        <v>240</v>
      </c>
      <c r="E59">
        <v>2.5</v>
      </c>
      <c r="F59" s="3">
        <v>1</v>
      </c>
      <c r="H59" s="3">
        <v>1</v>
      </c>
      <c r="I59" s="3">
        <v>2</v>
      </c>
    </row>
    <row r="60" spans="1:9" x14ac:dyDescent="0.25">
      <c r="A60" s="1" t="s">
        <v>71</v>
      </c>
      <c r="B60" s="2">
        <v>4</v>
      </c>
      <c r="C60" t="s">
        <v>13</v>
      </c>
      <c r="D60" s="2">
        <v>240</v>
      </c>
      <c r="E60">
        <v>2.5</v>
      </c>
      <c r="F60" s="3">
        <v>1</v>
      </c>
      <c r="H60" s="3">
        <v>1</v>
      </c>
      <c r="I60" s="3">
        <v>3</v>
      </c>
    </row>
    <row r="61" spans="1:9" x14ac:dyDescent="0.25">
      <c r="A61" s="1" t="s">
        <v>72</v>
      </c>
      <c r="B61" s="2">
        <v>12</v>
      </c>
      <c r="C61" t="s">
        <v>13</v>
      </c>
      <c r="D61" s="2">
        <v>120</v>
      </c>
      <c r="E61">
        <v>30</v>
      </c>
      <c r="F61" s="3">
        <v>1</v>
      </c>
      <c r="H61" s="3">
        <v>2</v>
      </c>
      <c r="I61" s="3">
        <v>3</v>
      </c>
    </row>
    <row r="62" spans="1:9" x14ac:dyDescent="0.25">
      <c r="A62" s="1" t="s">
        <v>73</v>
      </c>
      <c r="B62" s="2">
        <v>25</v>
      </c>
      <c r="C62" t="s">
        <v>13</v>
      </c>
      <c r="D62" s="2">
        <v>120</v>
      </c>
      <c r="E62">
        <v>30</v>
      </c>
      <c r="F62" s="3">
        <v>1</v>
      </c>
      <c r="H62" s="3">
        <v>2</v>
      </c>
      <c r="I62" s="3">
        <v>3</v>
      </c>
    </row>
    <row r="63" spans="1:9" x14ac:dyDescent="0.25">
      <c r="A63" s="1" t="s">
        <v>74</v>
      </c>
      <c r="B63" s="2">
        <v>2</v>
      </c>
      <c r="C63" t="s">
        <v>13</v>
      </c>
      <c r="D63" s="2">
        <v>240</v>
      </c>
      <c r="E63">
        <v>50</v>
      </c>
      <c r="F63" s="3">
        <v>1</v>
      </c>
      <c r="H63" s="3">
        <v>1</v>
      </c>
      <c r="I63" s="3">
        <v>3</v>
      </c>
    </row>
    <row r="64" spans="1:9" x14ac:dyDescent="0.25">
      <c r="A64" s="1" t="s">
        <v>75</v>
      </c>
      <c r="B64" s="2">
        <v>3</v>
      </c>
      <c r="C64" t="s">
        <v>13</v>
      </c>
      <c r="D64" s="2">
        <v>240</v>
      </c>
      <c r="E64">
        <v>2.5</v>
      </c>
      <c r="F64" s="3">
        <v>0.6</v>
      </c>
      <c r="G64">
        <v>4.166666666666667</v>
      </c>
      <c r="H64" s="3">
        <v>1</v>
      </c>
      <c r="I64" s="3">
        <v>2</v>
      </c>
    </row>
    <row r="65" spans="1:10" x14ac:dyDescent="0.25">
      <c r="A65" s="1" t="s">
        <v>76</v>
      </c>
      <c r="B65" s="2">
        <v>10</v>
      </c>
      <c r="C65" t="s">
        <v>13</v>
      </c>
      <c r="D65" s="2">
        <v>277</v>
      </c>
      <c r="E65">
        <v>10</v>
      </c>
      <c r="F65" s="3">
        <v>3.6</v>
      </c>
      <c r="H65" s="3">
        <v>3</v>
      </c>
      <c r="I65" s="3">
        <v>4</v>
      </c>
    </row>
    <row r="66" spans="1:10" x14ac:dyDescent="0.25">
      <c r="A66" s="1" t="s">
        <v>77</v>
      </c>
      <c r="B66" s="2">
        <v>9</v>
      </c>
      <c r="C66" t="s">
        <v>13</v>
      </c>
      <c r="D66" s="2">
        <v>69</v>
      </c>
      <c r="E66">
        <v>10</v>
      </c>
      <c r="F66" s="3">
        <v>0</v>
      </c>
      <c r="H66" s="3">
        <v>3</v>
      </c>
      <c r="I66" s="3">
        <v>4</v>
      </c>
    </row>
    <row r="67" spans="1:10" x14ac:dyDescent="0.25">
      <c r="A67" s="1" t="s">
        <v>78</v>
      </c>
      <c r="B67" s="2">
        <v>9</v>
      </c>
      <c r="C67" t="s">
        <v>13</v>
      </c>
      <c r="D67" s="2">
        <v>0</v>
      </c>
      <c r="E67">
        <v>2.5</v>
      </c>
      <c r="F67" s="3">
        <v>1.8</v>
      </c>
      <c r="H67" s="3">
        <v>3</v>
      </c>
      <c r="I67" s="3">
        <v>4</v>
      </c>
    </row>
    <row r="68" spans="1:10" x14ac:dyDescent="0.25">
      <c r="A68" s="1" t="s">
        <v>79</v>
      </c>
      <c r="B68" s="2">
        <v>12</v>
      </c>
      <c r="C68" t="s">
        <v>13</v>
      </c>
      <c r="D68" s="2">
        <v>120</v>
      </c>
      <c r="E68">
        <v>15</v>
      </c>
      <c r="F68" s="3">
        <v>0.5</v>
      </c>
      <c r="H68" s="3">
        <v>2</v>
      </c>
      <c r="I68" s="3">
        <v>3</v>
      </c>
    </row>
    <row r="69" spans="1:10" x14ac:dyDescent="0.25">
      <c r="A69" s="1" t="s">
        <v>80</v>
      </c>
      <c r="B69" s="2">
        <v>12</v>
      </c>
      <c r="C69" t="s">
        <v>13</v>
      </c>
      <c r="D69" s="2">
        <v>120</v>
      </c>
      <c r="E69">
        <v>30</v>
      </c>
      <c r="F69" s="3">
        <v>1</v>
      </c>
      <c r="H69" s="3">
        <v>1</v>
      </c>
      <c r="I69" s="3">
        <v>3</v>
      </c>
    </row>
    <row r="70" spans="1:10" x14ac:dyDescent="0.25">
      <c r="A70" s="1" t="s">
        <v>81</v>
      </c>
      <c r="B70" s="2">
        <v>12</v>
      </c>
      <c r="C70" t="s">
        <v>13</v>
      </c>
      <c r="D70" s="2">
        <v>240</v>
      </c>
      <c r="E70">
        <v>30</v>
      </c>
      <c r="F70" s="3">
        <v>1</v>
      </c>
      <c r="H70" s="3">
        <v>3</v>
      </c>
      <c r="I70" s="3">
        <v>3</v>
      </c>
    </row>
    <row r="71" spans="1:10" x14ac:dyDescent="0.25">
      <c r="A71" s="1" t="s">
        <v>82</v>
      </c>
      <c r="B71" s="2">
        <v>36</v>
      </c>
      <c r="C71" t="s">
        <v>27</v>
      </c>
      <c r="D71" s="2">
        <v>120</v>
      </c>
      <c r="E71">
        <v>2.5</v>
      </c>
      <c r="F71" s="3">
        <v>1.8</v>
      </c>
      <c r="H71" s="3">
        <v>3</v>
      </c>
      <c r="I71" s="3">
        <v>4</v>
      </c>
    </row>
    <row r="72" spans="1:10" x14ac:dyDescent="0.25">
      <c r="A72" s="1" t="s">
        <v>83</v>
      </c>
      <c r="B72" s="2">
        <v>12</v>
      </c>
      <c r="C72" t="s">
        <v>13</v>
      </c>
      <c r="D72" s="2">
        <v>240</v>
      </c>
      <c r="E72">
        <v>50</v>
      </c>
      <c r="F72" s="3">
        <v>4.5</v>
      </c>
      <c r="H72" s="3">
        <v>3</v>
      </c>
      <c r="I72" s="3">
        <v>3</v>
      </c>
    </row>
    <row r="73" spans="1:10" x14ac:dyDescent="0.25">
      <c r="A73" s="1" t="s">
        <v>84</v>
      </c>
      <c r="B73" s="2">
        <v>45</v>
      </c>
      <c r="C73" t="s">
        <v>13</v>
      </c>
      <c r="D73" s="2">
        <v>480</v>
      </c>
      <c r="E73">
        <v>5</v>
      </c>
      <c r="F73" s="3">
        <v>0.3</v>
      </c>
      <c r="H73" s="3">
        <v>3</v>
      </c>
      <c r="I73" s="3">
        <v>3</v>
      </c>
    </row>
    <row r="74" spans="1:10" x14ac:dyDescent="0.25">
      <c r="A74" s="1" t="s">
        <v>85</v>
      </c>
      <c r="B74" s="2">
        <v>3</v>
      </c>
      <c r="C74" t="s">
        <v>13</v>
      </c>
      <c r="D74" s="2">
        <v>480</v>
      </c>
      <c r="E74">
        <v>5</v>
      </c>
      <c r="F74" s="3">
        <v>0.3</v>
      </c>
      <c r="H74" s="3">
        <v>1</v>
      </c>
      <c r="I74" s="3">
        <v>2</v>
      </c>
    </row>
    <row r="75" spans="1:10" x14ac:dyDescent="0.25">
      <c r="A75" s="1" t="s">
        <v>86</v>
      </c>
      <c r="B75" s="2">
        <v>1</v>
      </c>
      <c r="C75" t="s">
        <v>13</v>
      </c>
      <c r="D75" s="2">
        <v>240</v>
      </c>
      <c r="E75">
        <v>50</v>
      </c>
      <c r="F75" s="3">
        <v>12</v>
      </c>
      <c r="H75" s="3">
        <v>1</v>
      </c>
      <c r="I75" s="3">
        <v>2</v>
      </c>
    </row>
    <row r="76" spans="1:10" x14ac:dyDescent="0.25">
      <c r="A76" s="1" t="s">
        <v>87</v>
      </c>
      <c r="B76" s="2">
        <v>8</v>
      </c>
      <c r="C76" t="s">
        <v>13</v>
      </c>
      <c r="D76" s="2">
        <v>240</v>
      </c>
      <c r="E76">
        <v>5</v>
      </c>
      <c r="F76" s="3">
        <v>1.8</v>
      </c>
      <c r="H76" s="3">
        <v>3</v>
      </c>
      <c r="I76" s="3">
        <v>3</v>
      </c>
    </row>
    <row r="77" spans="1:10" x14ac:dyDescent="0.25">
      <c r="A77" s="1" t="s">
        <v>88</v>
      </c>
      <c r="B77" s="2">
        <v>9</v>
      </c>
      <c r="C77" t="s">
        <v>13</v>
      </c>
      <c r="D77" s="2">
        <v>240</v>
      </c>
      <c r="E77">
        <v>5</v>
      </c>
      <c r="F77" s="3">
        <v>1.8</v>
      </c>
      <c r="H77" s="3">
        <v>3</v>
      </c>
      <c r="I77" s="3">
        <v>4</v>
      </c>
    </row>
    <row r="78" spans="1:10" x14ac:dyDescent="0.25">
      <c r="A78" s="1" t="s">
        <v>89</v>
      </c>
      <c r="B78" s="2">
        <v>2</v>
      </c>
      <c r="C78" t="s">
        <v>13</v>
      </c>
      <c r="D78" s="2">
        <v>120</v>
      </c>
      <c r="E78">
        <v>30</v>
      </c>
      <c r="F78" s="3">
        <v>7.2</v>
      </c>
      <c r="H78" s="3">
        <v>1</v>
      </c>
      <c r="I78" s="3">
        <v>3</v>
      </c>
    </row>
    <row r="79" spans="1:10" x14ac:dyDescent="0.25">
      <c r="A79" s="1" t="s">
        <v>90</v>
      </c>
      <c r="B79" s="2">
        <v>9</v>
      </c>
      <c r="C79" t="s">
        <v>91</v>
      </c>
      <c r="D79" s="2">
        <v>120</v>
      </c>
      <c r="E79">
        <v>2.5</v>
      </c>
      <c r="F79" s="3">
        <v>1.8</v>
      </c>
      <c r="H79" s="3">
        <v>3</v>
      </c>
      <c r="I79" s="3">
        <v>4</v>
      </c>
      <c r="J79" s="3">
        <v>0.15</v>
      </c>
    </row>
    <row r="80" spans="1:10" x14ac:dyDescent="0.25">
      <c r="A80" s="1" t="s">
        <v>92</v>
      </c>
      <c r="B80" s="2">
        <v>9</v>
      </c>
      <c r="C80" t="s">
        <v>27</v>
      </c>
      <c r="D80" s="2">
        <v>120</v>
      </c>
      <c r="E80">
        <v>0.5</v>
      </c>
      <c r="F80" s="3">
        <v>0.18</v>
      </c>
      <c r="H80" s="3">
        <v>3</v>
      </c>
      <c r="I80" s="3">
        <v>4</v>
      </c>
    </row>
    <row r="81" spans="1:9" x14ac:dyDescent="0.25">
      <c r="A81" s="1" t="s">
        <v>93</v>
      </c>
      <c r="B81" s="2">
        <v>46</v>
      </c>
      <c r="C81" t="s">
        <v>22</v>
      </c>
      <c r="D81" s="2">
        <v>120</v>
      </c>
      <c r="E81">
        <v>2.5</v>
      </c>
      <c r="F81" s="3">
        <v>1.2</v>
      </c>
      <c r="H81" s="3">
        <v>3</v>
      </c>
      <c r="I81" s="3">
        <v>4</v>
      </c>
    </row>
    <row r="82" spans="1:9" x14ac:dyDescent="0.25">
      <c r="A82" s="1" t="s">
        <v>94</v>
      </c>
      <c r="B82" s="2">
        <v>48</v>
      </c>
      <c r="C82" t="s">
        <v>22</v>
      </c>
      <c r="D82" s="2">
        <v>120</v>
      </c>
      <c r="E82">
        <v>2.5</v>
      </c>
      <c r="F82" s="3">
        <v>2.4</v>
      </c>
      <c r="G82" s="3"/>
      <c r="H82" s="3">
        <v>3</v>
      </c>
      <c r="I82" s="3">
        <v>4</v>
      </c>
    </row>
    <row r="83" spans="1:9" x14ac:dyDescent="0.25">
      <c r="A83" s="1" t="s">
        <v>95</v>
      </c>
      <c r="B83" s="2">
        <v>2</v>
      </c>
      <c r="C83" t="s">
        <v>13</v>
      </c>
      <c r="D83" s="2">
        <v>120</v>
      </c>
      <c r="E83">
        <v>30</v>
      </c>
      <c r="F83" s="3">
        <v>3.6</v>
      </c>
      <c r="G83" s="3">
        <v>55.555555555555557</v>
      </c>
      <c r="H83" s="3">
        <v>1</v>
      </c>
      <c r="I83" s="3">
        <v>2</v>
      </c>
    </row>
    <row r="84" spans="1:9" x14ac:dyDescent="0.25">
      <c r="A84" s="1" t="s">
        <v>96</v>
      </c>
      <c r="B84" s="2">
        <v>2</v>
      </c>
      <c r="C84" t="s">
        <v>13</v>
      </c>
      <c r="D84" s="2">
        <v>120</v>
      </c>
      <c r="E84">
        <v>30</v>
      </c>
      <c r="F84" s="3">
        <v>7.2</v>
      </c>
      <c r="G84" s="3">
        <v>27.777777777777779</v>
      </c>
      <c r="H84" s="3">
        <v>1</v>
      </c>
      <c r="I84" s="3">
        <v>2</v>
      </c>
    </row>
    <row r="85" spans="1:9" x14ac:dyDescent="0.25">
      <c r="A85" s="1" t="s">
        <v>97</v>
      </c>
      <c r="B85" s="2">
        <v>9</v>
      </c>
      <c r="C85" t="s">
        <v>13</v>
      </c>
      <c r="D85" s="2">
        <v>120</v>
      </c>
      <c r="E85">
        <v>0.5</v>
      </c>
      <c r="F85" s="3">
        <v>0.18</v>
      </c>
      <c r="G85" s="3"/>
      <c r="H85" s="3">
        <v>3</v>
      </c>
      <c r="I85" s="3">
        <v>4</v>
      </c>
    </row>
    <row r="86" spans="1:9" x14ac:dyDescent="0.25">
      <c r="A86" s="1" t="s">
        <v>98</v>
      </c>
      <c r="B86" s="2">
        <v>12</v>
      </c>
      <c r="C86" t="s">
        <v>13</v>
      </c>
      <c r="D86" s="2">
        <v>120</v>
      </c>
      <c r="E86">
        <v>30</v>
      </c>
      <c r="F86" s="3">
        <v>3</v>
      </c>
      <c r="H86" s="3">
        <v>3</v>
      </c>
      <c r="I86" s="3">
        <v>3</v>
      </c>
    </row>
    <row r="87" spans="1:9" x14ac:dyDescent="0.25">
      <c r="A87" s="1" t="s">
        <v>99</v>
      </c>
      <c r="B87" s="2">
        <v>4</v>
      </c>
      <c r="C87" t="s">
        <v>13</v>
      </c>
      <c r="D87" s="2">
        <v>120</v>
      </c>
      <c r="E87">
        <v>2.5</v>
      </c>
      <c r="F87" s="3">
        <v>0.6</v>
      </c>
      <c r="H87" s="3">
        <v>1</v>
      </c>
      <c r="I87" s="3">
        <v>3</v>
      </c>
    </row>
    <row r="88" spans="1:9" x14ac:dyDescent="0.25">
      <c r="A88" s="1" t="s">
        <v>100</v>
      </c>
      <c r="B88" s="2">
        <v>3</v>
      </c>
      <c r="C88" t="s">
        <v>22</v>
      </c>
      <c r="D88" s="2">
        <v>120</v>
      </c>
      <c r="E88">
        <v>2.5</v>
      </c>
      <c r="F88" s="3">
        <v>0.6</v>
      </c>
      <c r="H88" s="3">
        <v>1</v>
      </c>
      <c r="I88" s="3">
        <v>2</v>
      </c>
    </row>
    <row r="89" spans="1:9" x14ac:dyDescent="0.25">
      <c r="A89" s="1" t="s">
        <v>101</v>
      </c>
      <c r="B89" s="2">
        <v>4</v>
      </c>
      <c r="C89" t="s">
        <v>22</v>
      </c>
      <c r="D89" s="2">
        <v>120</v>
      </c>
      <c r="E89">
        <v>2.5</v>
      </c>
      <c r="F89" s="3">
        <v>0.6</v>
      </c>
      <c r="H89" s="3">
        <v>1</v>
      </c>
      <c r="I89" s="3">
        <v>3</v>
      </c>
    </row>
    <row r="90" spans="1:9" x14ac:dyDescent="0.25">
      <c r="A90" s="1" t="s">
        <v>102</v>
      </c>
      <c r="B90" s="2">
        <v>2</v>
      </c>
      <c r="C90" t="s">
        <v>13</v>
      </c>
      <c r="D90" s="2">
        <v>240</v>
      </c>
      <c r="E90">
        <v>50</v>
      </c>
      <c r="F90" s="3">
        <v>2</v>
      </c>
      <c r="H90" s="3">
        <v>1</v>
      </c>
      <c r="I90" s="3">
        <v>3</v>
      </c>
    </row>
    <row r="91" spans="1:9" x14ac:dyDescent="0.25">
      <c r="A91" s="1" t="s">
        <v>103</v>
      </c>
      <c r="B91" s="2">
        <v>2</v>
      </c>
      <c r="C91" t="s">
        <v>13</v>
      </c>
      <c r="D91" s="2">
        <v>240</v>
      </c>
      <c r="E91">
        <v>15</v>
      </c>
      <c r="F91" s="3">
        <v>0.5</v>
      </c>
      <c r="H91" s="3">
        <v>1</v>
      </c>
      <c r="I91" s="3">
        <v>3</v>
      </c>
    </row>
    <row r="92" spans="1:9" x14ac:dyDescent="0.25">
      <c r="A92" s="1" t="s">
        <v>104</v>
      </c>
      <c r="B92" s="2">
        <v>2</v>
      </c>
      <c r="C92" t="s">
        <v>13</v>
      </c>
      <c r="D92" s="2">
        <v>120</v>
      </c>
      <c r="E92">
        <v>15</v>
      </c>
      <c r="F92" s="3">
        <v>0.25</v>
      </c>
      <c r="H92" s="3">
        <v>1</v>
      </c>
      <c r="I92" s="3">
        <v>3</v>
      </c>
    </row>
    <row r="93" spans="1:9" x14ac:dyDescent="0.25">
      <c r="A93" s="1" t="s">
        <v>105</v>
      </c>
      <c r="B93" s="2">
        <v>1</v>
      </c>
      <c r="C93" t="s">
        <v>13</v>
      </c>
      <c r="D93" s="2">
        <v>240</v>
      </c>
      <c r="E93">
        <v>15</v>
      </c>
      <c r="F93" s="3">
        <v>0.5</v>
      </c>
      <c r="H93" s="3">
        <v>1</v>
      </c>
      <c r="I93" s="3">
        <v>2</v>
      </c>
    </row>
    <row r="94" spans="1:9" x14ac:dyDescent="0.25">
      <c r="A94" s="1" t="s">
        <v>106</v>
      </c>
      <c r="B94" s="2">
        <v>1</v>
      </c>
      <c r="C94" t="s">
        <v>13</v>
      </c>
      <c r="D94" s="2">
        <v>120</v>
      </c>
      <c r="E94">
        <v>15</v>
      </c>
      <c r="F94" s="3">
        <v>0.25</v>
      </c>
      <c r="H94" s="3">
        <v>1</v>
      </c>
      <c r="I94" s="3">
        <v>2</v>
      </c>
    </row>
    <row r="95" spans="1:9" x14ac:dyDescent="0.25">
      <c r="A95" s="1" t="s">
        <v>107</v>
      </c>
      <c r="B95" s="2">
        <v>3</v>
      </c>
      <c r="C95" t="s">
        <v>13</v>
      </c>
      <c r="D95" s="2">
        <v>240</v>
      </c>
      <c r="E95">
        <v>2.5</v>
      </c>
      <c r="F95" s="3">
        <v>0.1</v>
      </c>
      <c r="H95" s="3">
        <v>1</v>
      </c>
      <c r="I95" s="3">
        <v>2</v>
      </c>
    </row>
    <row r="96" spans="1:9" x14ac:dyDescent="0.25">
      <c r="A96" s="1" t="s">
        <v>108</v>
      </c>
      <c r="B96" s="2">
        <v>3</v>
      </c>
      <c r="C96" t="s">
        <v>13</v>
      </c>
      <c r="D96" s="2">
        <v>120</v>
      </c>
      <c r="E96">
        <v>2.5</v>
      </c>
      <c r="F96" s="3">
        <v>0.05</v>
      </c>
      <c r="H96" s="3">
        <v>1</v>
      </c>
      <c r="I96" s="3">
        <v>2</v>
      </c>
    </row>
    <row r="97" spans="1:9" x14ac:dyDescent="0.25">
      <c r="A97" s="1" t="s">
        <v>109</v>
      </c>
      <c r="B97" s="2">
        <v>4</v>
      </c>
      <c r="C97" t="s">
        <v>13</v>
      </c>
      <c r="D97" s="2">
        <v>240</v>
      </c>
      <c r="E97">
        <v>2.5</v>
      </c>
      <c r="F97" s="3">
        <v>0.1</v>
      </c>
      <c r="H97" s="3">
        <v>1</v>
      </c>
      <c r="I97" s="3">
        <v>3</v>
      </c>
    </row>
    <row r="98" spans="1:9" x14ac:dyDescent="0.25">
      <c r="A98" s="1" t="s">
        <v>110</v>
      </c>
      <c r="B98" s="2">
        <v>4</v>
      </c>
      <c r="C98" t="s">
        <v>13</v>
      </c>
      <c r="D98" s="2">
        <v>120</v>
      </c>
      <c r="E98">
        <v>2.5</v>
      </c>
      <c r="F98" s="3">
        <v>0.05</v>
      </c>
      <c r="H98" s="3">
        <v>1</v>
      </c>
      <c r="I98" s="3">
        <v>3</v>
      </c>
    </row>
    <row r="99" spans="1:9" x14ac:dyDescent="0.25">
      <c r="A99" s="1" t="s">
        <v>111</v>
      </c>
      <c r="B99" s="2">
        <v>3</v>
      </c>
      <c r="C99" t="s">
        <v>13</v>
      </c>
      <c r="D99" s="2">
        <v>240</v>
      </c>
      <c r="E99">
        <v>5</v>
      </c>
      <c r="F99" s="3">
        <v>0.1</v>
      </c>
      <c r="H99" s="3">
        <v>1</v>
      </c>
      <c r="I99" s="3">
        <v>2</v>
      </c>
    </row>
    <row r="100" spans="1:9" x14ac:dyDescent="0.25">
      <c r="A100" s="1" t="s">
        <v>112</v>
      </c>
      <c r="B100" s="2">
        <v>3</v>
      </c>
      <c r="C100" t="s">
        <v>13</v>
      </c>
      <c r="D100" s="2">
        <v>120</v>
      </c>
      <c r="E100">
        <v>5</v>
      </c>
      <c r="F100" s="3">
        <v>0.05</v>
      </c>
      <c r="H100" s="3">
        <v>1</v>
      </c>
      <c r="I100" s="3">
        <v>2</v>
      </c>
    </row>
    <row r="101" spans="1:9" x14ac:dyDescent="0.25">
      <c r="A101" s="1" t="s">
        <v>113</v>
      </c>
      <c r="B101" s="2">
        <v>4</v>
      </c>
      <c r="C101" t="s">
        <v>13</v>
      </c>
      <c r="D101" s="2">
        <v>240</v>
      </c>
      <c r="E101">
        <v>5</v>
      </c>
      <c r="F101" s="3">
        <v>0.1</v>
      </c>
      <c r="H101" s="3">
        <v>1</v>
      </c>
      <c r="I101" s="3">
        <v>3</v>
      </c>
    </row>
    <row r="102" spans="1:9" x14ac:dyDescent="0.25">
      <c r="A102" s="1" t="s">
        <v>114</v>
      </c>
      <c r="B102" s="2">
        <v>4</v>
      </c>
      <c r="C102" t="s">
        <v>13</v>
      </c>
      <c r="D102" s="2">
        <v>120</v>
      </c>
      <c r="E102">
        <v>5</v>
      </c>
      <c r="F102" s="3">
        <v>0.05</v>
      </c>
      <c r="H102" s="3">
        <v>1</v>
      </c>
      <c r="I102" s="3">
        <v>3</v>
      </c>
    </row>
    <row r="103" spans="1:9" x14ac:dyDescent="0.25">
      <c r="A103" s="1" t="s">
        <v>115</v>
      </c>
      <c r="B103" s="2">
        <v>26</v>
      </c>
      <c r="C103" t="s">
        <v>13</v>
      </c>
      <c r="D103" s="2">
        <v>120</v>
      </c>
      <c r="E103">
        <v>10</v>
      </c>
      <c r="F103" s="3">
        <v>7.2</v>
      </c>
      <c r="G103" s="3"/>
      <c r="H103" s="3">
        <v>3</v>
      </c>
      <c r="I103" s="3">
        <v>3</v>
      </c>
    </row>
    <row r="104" spans="1:9" x14ac:dyDescent="0.25">
      <c r="A104" s="1" t="s">
        <v>116</v>
      </c>
      <c r="B104" s="2">
        <v>26</v>
      </c>
      <c r="C104" t="s">
        <v>13</v>
      </c>
      <c r="D104" s="2">
        <v>120</v>
      </c>
      <c r="E104">
        <v>2.5</v>
      </c>
      <c r="F104" s="3">
        <v>1</v>
      </c>
      <c r="G104" s="3"/>
      <c r="H104" s="3">
        <v>3</v>
      </c>
      <c r="I104" s="3">
        <v>3</v>
      </c>
    </row>
    <row r="105" spans="1:9" x14ac:dyDescent="0.25">
      <c r="A105" s="1" t="s">
        <v>117</v>
      </c>
      <c r="B105" s="2">
        <v>45</v>
      </c>
      <c r="C105" t="s">
        <v>22</v>
      </c>
      <c r="D105" s="2">
        <v>120</v>
      </c>
      <c r="E105">
        <v>2.5</v>
      </c>
      <c r="F105" s="3">
        <v>1</v>
      </c>
      <c r="G105" s="3"/>
      <c r="H105" s="3">
        <v>3</v>
      </c>
      <c r="I105" s="3">
        <v>3</v>
      </c>
    </row>
    <row r="106" spans="1:9" x14ac:dyDescent="0.25">
      <c r="A106" s="1" t="s">
        <v>118</v>
      </c>
      <c r="B106" s="2">
        <v>9</v>
      </c>
      <c r="C106" t="s">
        <v>13</v>
      </c>
      <c r="D106" s="2">
        <v>120</v>
      </c>
      <c r="E106">
        <v>2.5</v>
      </c>
      <c r="F106" s="3">
        <v>1</v>
      </c>
      <c r="G106" s="3"/>
      <c r="H106" s="3">
        <v>3</v>
      </c>
      <c r="I106" s="3">
        <v>4</v>
      </c>
    </row>
    <row r="107" spans="1:9" x14ac:dyDescent="0.25">
      <c r="A107" s="1" t="s">
        <v>119</v>
      </c>
      <c r="B107" s="2">
        <v>5</v>
      </c>
      <c r="C107" t="s">
        <v>13</v>
      </c>
      <c r="D107" s="2">
        <v>120</v>
      </c>
      <c r="E107">
        <v>2.5</v>
      </c>
      <c r="F107" s="3">
        <v>1</v>
      </c>
      <c r="G107" s="3"/>
      <c r="H107" s="3">
        <v>3</v>
      </c>
      <c r="I107" s="3">
        <v>3</v>
      </c>
    </row>
    <row r="108" spans="1:9" x14ac:dyDescent="0.25">
      <c r="A108" s="1" t="s">
        <v>120</v>
      </c>
      <c r="B108" s="2">
        <v>6</v>
      </c>
      <c r="C108" t="s">
        <v>13</v>
      </c>
      <c r="D108" s="2">
        <v>120</v>
      </c>
      <c r="E108">
        <v>2.5</v>
      </c>
      <c r="F108" s="3">
        <v>1</v>
      </c>
      <c r="G108" s="3"/>
      <c r="H108" s="3">
        <v>3</v>
      </c>
      <c r="I108" s="3">
        <v>4</v>
      </c>
    </row>
    <row r="109" spans="1:9" x14ac:dyDescent="0.25">
      <c r="A109" s="1" t="s">
        <v>121</v>
      </c>
      <c r="B109" s="2">
        <v>2</v>
      </c>
      <c r="C109" t="s">
        <v>13</v>
      </c>
      <c r="D109" s="2">
        <v>120</v>
      </c>
      <c r="E109">
        <v>30</v>
      </c>
      <c r="F109" s="3">
        <v>1</v>
      </c>
      <c r="G109" s="3"/>
      <c r="H109" s="3">
        <v>1</v>
      </c>
      <c r="I109" s="3">
        <v>3</v>
      </c>
    </row>
    <row r="110" spans="1:9" x14ac:dyDescent="0.25">
      <c r="A110" s="1" t="s">
        <v>122</v>
      </c>
      <c r="B110" s="2">
        <v>12</v>
      </c>
      <c r="C110" t="s">
        <v>13</v>
      </c>
      <c r="D110" s="2">
        <v>120</v>
      </c>
      <c r="E110">
        <v>30</v>
      </c>
      <c r="F110" s="3">
        <v>1</v>
      </c>
      <c r="G110" s="3"/>
      <c r="H110" s="3">
        <v>3</v>
      </c>
      <c r="I110" s="3">
        <v>3</v>
      </c>
    </row>
    <row r="111" spans="1:9" x14ac:dyDescent="0.25">
      <c r="A111" s="1" t="s">
        <v>123</v>
      </c>
      <c r="B111" s="2">
        <v>16</v>
      </c>
      <c r="C111" t="s">
        <v>13</v>
      </c>
      <c r="D111" s="2">
        <v>120</v>
      </c>
      <c r="E111">
        <v>30</v>
      </c>
      <c r="F111" s="3">
        <v>1</v>
      </c>
      <c r="G111" s="3"/>
      <c r="H111" s="3">
        <v>3</v>
      </c>
      <c r="I111" s="3">
        <v>4</v>
      </c>
    </row>
    <row r="112" spans="1:9" x14ac:dyDescent="0.25">
      <c r="A112" s="1" t="s">
        <v>124</v>
      </c>
      <c r="B112" s="2">
        <v>2</v>
      </c>
      <c r="C112" t="s">
        <v>13</v>
      </c>
      <c r="D112" s="2">
        <v>120</v>
      </c>
      <c r="E112">
        <v>50</v>
      </c>
      <c r="F112" s="3">
        <v>1</v>
      </c>
      <c r="G112" s="3"/>
      <c r="H112" s="3">
        <v>1</v>
      </c>
      <c r="I112" s="3">
        <v>3</v>
      </c>
    </row>
    <row r="113" spans="1:9" x14ac:dyDescent="0.25">
      <c r="A113" s="1" t="s">
        <v>125</v>
      </c>
      <c r="B113" s="2">
        <v>12</v>
      </c>
      <c r="C113" t="s">
        <v>13</v>
      </c>
      <c r="D113" s="2">
        <v>120</v>
      </c>
      <c r="E113">
        <v>50</v>
      </c>
      <c r="F113" s="3">
        <v>1</v>
      </c>
      <c r="G113" s="3"/>
      <c r="H113" s="3">
        <v>3</v>
      </c>
      <c r="I113" s="3">
        <v>3</v>
      </c>
    </row>
    <row r="114" spans="1:9" x14ac:dyDescent="0.25">
      <c r="A114" s="1" t="s">
        <v>126</v>
      </c>
      <c r="B114" s="2">
        <v>16</v>
      </c>
      <c r="C114" t="s">
        <v>13</v>
      </c>
      <c r="D114" s="2">
        <v>120</v>
      </c>
      <c r="E114">
        <v>50</v>
      </c>
      <c r="F114" s="3">
        <v>1</v>
      </c>
      <c r="G114" s="3"/>
      <c r="H114" s="3">
        <v>3</v>
      </c>
      <c r="I114" s="3">
        <v>4</v>
      </c>
    </row>
    <row r="115" spans="1:9" x14ac:dyDescent="0.25">
      <c r="A115" s="1" t="s">
        <v>127</v>
      </c>
      <c r="B115" s="2">
        <v>10</v>
      </c>
      <c r="C115" t="s">
        <v>22</v>
      </c>
      <c r="D115" s="2">
        <v>120</v>
      </c>
      <c r="E115">
        <v>2.5</v>
      </c>
      <c r="F115" s="3">
        <v>1</v>
      </c>
      <c r="G115" s="3"/>
      <c r="H115" s="3">
        <v>3</v>
      </c>
      <c r="I115" s="3">
        <v>4</v>
      </c>
    </row>
    <row r="116" spans="1:9" x14ac:dyDescent="0.25">
      <c r="A116" s="1" t="s">
        <v>128</v>
      </c>
      <c r="B116" s="2">
        <v>46</v>
      </c>
      <c r="C116" t="s">
        <v>22</v>
      </c>
      <c r="D116" s="2">
        <v>120</v>
      </c>
      <c r="E116">
        <v>2.5</v>
      </c>
      <c r="F116" s="3">
        <v>1</v>
      </c>
      <c r="G116" s="3"/>
      <c r="H116" s="3">
        <v>3</v>
      </c>
      <c r="I116" s="3">
        <v>4</v>
      </c>
    </row>
    <row r="117" spans="1:9" x14ac:dyDescent="0.25">
      <c r="A117" s="1" t="s">
        <v>129</v>
      </c>
      <c r="B117" s="2">
        <v>48</v>
      </c>
      <c r="C117" t="s">
        <v>22</v>
      </c>
      <c r="D117" s="2">
        <v>120</v>
      </c>
      <c r="E117">
        <v>2.5</v>
      </c>
      <c r="F117" s="3">
        <v>1</v>
      </c>
      <c r="G117" s="3"/>
      <c r="H117" s="3">
        <v>3</v>
      </c>
      <c r="I117" s="3">
        <v>4</v>
      </c>
    </row>
    <row r="118" spans="1:9" x14ac:dyDescent="0.25">
      <c r="A118" s="1" t="s">
        <v>130</v>
      </c>
      <c r="B118" s="2">
        <v>4</v>
      </c>
      <c r="C118" t="s">
        <v>13</v>
      </c>
      <c r="D118" s="2">
        <v>120</v>
      </c>
      <c r="E118">
        <v>2.5</v>
      </c>
      <c r="F118" s="3">
        <v>1</v>
      </c>
      <c r="G118" s="3"/>
      <c r="H118" s="3">
        <v>1</v>
      </c>
      <c r="I118" s="3">
        <v>3</v>
      </c>
    </row>
    <row r="119" spans="1:9" x14ac:dyDescent="0.25">
      <c r="A119" s="1" t="s">
        <v>131</v>
      </c>
      <c r="B119" s="2">
        <v>4</v>
      </c>
      <c r="C119" t="s">
        <v>13</v>
      </c>
      <c r="D119" s="2">
        <v>240</v>
      </c>
      <c r="E119">
        <v>2.5</v>
      </c>
      <c r="F119" s="3">
        <v>0.3</v>
      </c>
      <c r="H119" s="3">
        <v>1</v>
      </c>
      <c r="I119" s="3">
        <v>3</v>
      </c>
    </row>
    <row r="120" spans="1:9" x14ac:dyDescent="0.25">
      <c r="A120" s="1" t="s">
        <v>132</v>
      </c>
      <c r="B120" s="2">
        <v>12</v>
      </c>
      <c r="C120" t="s">
        <v>13</v>
      </c>
      <c r="D120" s="2">
        <v>277</v>
      </c>
      <c r="E120">
        <v>30</v>
      </c>
      <c r="F120" s="3">
        <v>28.8</v>
      </c>
      <c r="G120">
        <v>3.4722222222222223</v>
      </c>
      <c r="H120" s="3">
        <v>3</v>
      </c>
      <c r="I120" s="3">
        <v>3</v>
      </c>
    </row>
    <row r="121" spans="1:9" x14ac:dyDescent="0.25">
      <c r="A121" s="1" t="s">
        <v>133</v>
      </c>
      <c r="B121" s="2">
        <v>16</v>
      </c>
      <c r="C121" s="2" t="s">
        <v>13</v>
      </c>
      <c r="D121" s="2">
        <v>120</v>
      </c>
      <c r="E121">
        <v>30</v>
      </c>
      <c r="F121" s="3">
        <v>10</v>
      </c>
      <c r="H121" s="3">
        <v>3</v>
      </c>
      <c r="I121" s="3">
        <v>4</v>
      </c>
    </row>
    <row r="122" spans="1:9" x14ac:dyDescent="0.25">
      <c r="A122" s="1" t="s">
        <v>134</v>
      </c>
      <c r="B122" s="2">
        <v>1</v>
      </c>
      <c r="C122" t="s">
        <v>13</v>
      </c>
      <c r="D122" s="2">
        <v>240</v>
      </c>
      <c r="E122">
        <v>30</v>
      </c>
      <c r="F122" s="3">
        <v>1</v>
      </c>
      <c r="H122" s="3">
        <v>1</v>
      </c>
      <c r="I122" s="3">
        <v>2</v>
      </c>
    </row>
    <row r="123" spans="1:9" x14ac:dyDescent="0.25">
      <c r="A123" s="1" t="s">
        <v>135</v>
      </c>
      <c r="B123" s="2">
        <v>46</v>
      </c>
      <c r="C123" t="s">
        <v>22</v>
      </c>
      <c r="D123" s="2">
        <v>277</v>
      </c>
      <c r="E123">
        <v>2.5</v>
      </c>
      <c r="F123" s="3">
        <v>1.8</v>
      </c>
      <c r="G123" s="3"/>
      <c r="H123" s="3">
        <v>3</v>
      </c>
      <c r="I123" s="3">
        <v>4</v>
      </c>
    </row>
    <row r="124" spans="1:9" x14ac:dyDescent="0.25">
      <c r="A124" s="1" t="s">
        <v>136</v>
      </c>
      <c r="B124" s="2">
        <v>9</v>
      </c>
      <c r="C124" t="s">
        <v>13</v>
      </c>
      <c r="D124" s="2">
        <v>120</v>
      </c>
      <c r="E124">
        <v>5</v>
      </c>
      <c r="F124" s="3">
        <v>0.3</v>
      </c>
      <c r="H124" s="3">
        <v>3</v>
      </c>
      <c r="I124" s="3">
        <v>4</v>
      </c>
    </row>
    <row r="125" spans="1:9" x14ac:dyDescent="0.25">
      <c r="A125" s="1" t="s">
        <v>137</v>
      </c>
      <c r="B125" s="2">
        <v>12</v>
      </c>
      <c r="C125" t="s">
        <v>13</v>
      </c>
      <c r="D125" s="2">
        <v>120</v>
      </c>
      <c r="E125">
        <v>30</v>
      </c>
      <c r="F125" s="3">
        <v>28.8</v>
      </c>
      <c r="H125" s="3">
        <v>3</v>
      </c>
      <c r="I125" s="3">
        <v>3</v>
      </c>
    </row>
    <row r="126" spans="1:9" x14ac:dyDescent="0.25">
      <c r="A126" s="1" t="s">
        <v>138</v>
      </c>
      <c r="B126" s="2">
        <v>16</v>
      </c>
      <c r="C126" s="2" t="s">
        <v>13</v>
      </c>
      <c r="D126" s="2">
        <v>0</v>
      </c>
      <c r="E126">
        <v>30</v>
      </c>
      <c r="F126" s="3">
        <v>10</v>
      </c>
      <c r="H126" s="3">
        <v>3</v>
      </c>
      <c r="I126" s="3">
        <v>4</v>
      </c>
    </row>
    <row r="127" spans="1:9" x14ac:dyDescent="0.25">
      <c r="A127" s="1" t="s">
        <v>139</v>
      </c>
      <c r="B127" s="2">
        <v>16</v>
      </c>
      <c r="C127" s="2" t="s">
        <v>13</v>
      </c>
      <c r="D127" s="2">
        <v>0</v>
      </c>
      <c r="E127">
        <v>50</v>
      </c>
      <c r="F127" s="3">
        <v>10</v>
      </c>
      <c r="H127" s="3">
        <v>3</v>
      </c>
      <c r="I127" s="3">
        <v>4</v>
      </c>
    </row>
    <row r="128" spans="1:9" x14ac:dyDescent="0.25">
      <c r="A128" s="1" t="s">
        <v>140</v>
      </c>
      <c r="B128" s="2">
        <v>8</v>
      </c>
      <c r="C128" s="2" t="s">
        <v>13</v>
      </c>
      <c r="D128" s="2">
        <v>0</v>
      </c>
      <c r="E128">
        <v>2.5</v>
      </c>
      <c r="F128" s="3">
        <v>1</v>
      </c>
      <c r="H128" s="3">
        <v>3</v>
      </c>
      <c r="I128" s="3">
        <v>4</v>
      </c>
    </row>
    <row r="129" spans="1:9" x14ac:dyDescent="0.25">
      <c r="A129" s="1" t="s">
        <v>141</v>
      </c>
      <c r="B129" s="2">
        <v>8</v>
      </c>
      <c r="C129" s="2" t="s">
        <v>13</v>
      </c>
      <c r="D129" s="2">
        <v>0</v>
      </c>
      <c r="E129">
        <v>2.5</v>
      </c>
      <c r="F129" s="3">
        <v>1.8</v>
      </c>
      <c r="H129" s="3">
        <v>3</v>
      </c>
      <c r="I129" s="3">
        <v>4</v>
      </c>
    </row>
    <row r="130" spans="1:9" x14ac:dyDescent="0.25">
      <c r="A130" s="1" t="s">
        <v>142</v>
      </c>
      <c r="B130" s="2">
        <v>1</v>
      </c>
      <c r="C130" s="2" t="s">
        <v>13</v>
      </c>
      <c r="D130" s="2">
        <v>240</v>
      </c>
      <c r="E130">
        <v>30</v>
      </c>
      <c r="F130" s="3">
        <v>1.8</v>
      </c>
      <c r="H130" s="3">
        <v>3</v>
      </c>
      <c r="I130" s="3">
        <v>2</v>
      </c>
    </row>
    <row r="131" spans="1:9" x14ac:dyDescent="0.25">
      <c r="A131" s="1" t="s">
        <v>143</v>
      </c>
      <c r="B131" s="2">
        <v>12</v>
      </c>
      <c r="C131" s="2" t="s">
        <v>13</v>
      </c>
      <c r="D131" s="2">
        <v>480</v>
      </c>
      <c r="E131">
        <v>50</v>
      </c>
      <c r="F131" s="3">
        <v>4.5</v>
      </c>
      <c r="H131" s="3">
        <v>3</v>
      </c>
      <c r="I131" s="3">
        <v>3</v>
      </c>
    </row>
    <row r="132" spans="1:9" x14ac:dyDescent="0.25">
      <c r="A132" s="1" t="s">
        <v>144</v>
      </c>
      <c r="B132" s="2">
        <v>12</v>
      </c>
      <c r="C132" s="2" t="s">
        <v>13</v>
      </c>
      <c r="D132" s="2">
        <v>120</v>
      </c>
      <c r="E132">
        <v>50</v>
      </c>
      <c r="F132" s="3">
        <v>4.5</v>
      </c>
      <c r="H132" s="3">
        <v>3</v>
      </c>
      <c r="I132" s="3">
        <v>3</v>
      </c>
    </row>
    <row r="133" spans="1:9" x14ac:dyDescent="0.25">
      <c r="A133" s="1" t="s">
        <v>145</v>
      </c>
      <c r="B133" s="2">
        <v>4</v>
      </c>
      <c r="C133" s="2" t="s">
        <v>13</v>
      </c>
      <c r="D133" s="2">
        <v>240</v>
      </c>
      <c r="E133">
        <v>5</v>
      </c>
      <c r="F133" s="3">
        <v>0.3</v>
      </c>
      <c r="H133" s="3">
        <v>1</v>
      </c>
      <c r="I133" s="3">
        <v>3</v>
      </c>
    </row>
    <row r="134" spans="1:9" x14ac:dyDescent="0.25">
      <c r="A134" s="1" t="s">
        <v>146</v>
      </c>
      <c r="B134" s="2">
        <v>45</v>
      </c>
      <c r="C134" s="2" t="s">
        <v>13</v>
      </c>
      <c r="D134" s="2">
        <v>120</v>
      </c>
      <c r="E134">
        <v>5</v>
      </c>
      <c r="F134" s="3">
        <v>0.3</v>
      </c>
      <c r="H134" s="3">
        <v>3</v>
      </c>
      <c r="I134" s="3">
        <v>3</v>
      </c>
    </row>
    <row r="135" spans="1:9" x14ac:dyDescent="0.25">
      <c r="A135" s="1" t="s">
        <v>147</v>
      </c>
      <c r="B135" s="2">
        <v>45</v>
      </c>
      <c r="C135" s="2" t="s">
        <v>13</v>
      </c>
      <c r="D135" s="2">
        <v>240</v>
      </c>
      <c r="E135">
        <v>5</v>
      </c>
      <c r="F135" s="3">
        <v>0.3</v>
      </c>
      <c r="H135" s="3">
        <v>3</v>
      </c>
      <c r="I135" s="3">
        <v>3</v>
      </c>
    </row>
    <row r="136" spans="1:9" x14ac:dyDescent="0.25">
      <c r="A136" s="1" t="s">
        <v>148</v>
      </c>
      <c r="B136" s="2">
        <v>3</v>
      </c>
      <c r="C136" s="2" t="s">
        <v>13</v>
      </c>
      <c r="D136" s="2">
        <v>120</v>
      </c>
      <c r="E136">
        <v>5</v>
      </c>
      <c r="F136" s="3">
        <v>0.3</v>
      </c>
      <c r="H136" s="3">
        <v>1</v>
      </c>
      <c r="I136" s="3">
        <v>2</v>
      </c>
    </row>
    <row r="137" spans="1:9" x14ac:dyDescent="0.25">
      <c r="A137" s="1" t="s">
        <v>149</v>
      </c>
      <c r="B137" s="2">
        <v>3</v>
      </c>
      <c r="C137" s="2" t="s">
        <v>13</v>
      </c>
      <c r="D137" s="2">
        <v>240</v>
      </c>
      <c r="E137">
        <v>5</v>
      </c>
      <c r="F137" s="3">
        <v>0.3</v>
      </c>
      <c r="H137" s="3">
        <v>1</v>
      </c>
      <c r="I137" s="3">
        <v>2</v>
      </c>
    </row>
    <row r="138" spans="1:9" x14ac:dyDescent="0.25">
      <c r="A138" s="1" t="s">
        <v>150</v>
      </c>
      <c r="B138" s="2">
        <v>1</v>
      </c>
      <c r="C138" s="2" t="s">
        <v>13</v>
      </c>
      <c r="D138" s="2">
        <v>120</v>
      </c>
      <c r="E138">
        <v>30</v>
      </c>
      <c r="F138" s="3">
        <v>16</v>
      </c>
      <c r="H138" s="3">
        <v>1</v>
      </c>
      <c r="I138" s="3">
        <v>2</v>
      </c>
    </row>
    <row r="139" spans="1:9" x14ac:dyDescent="0.25">
      <c r="A139" s="1" t="s">
        <v>151</v>
      </c>
      <c r="B139" s="2">
        <v>2</v>
      </c>
      <c r="C139" s="2" t="s">
        <v>13</v>
      </c>
      <c r="D139" s="2">
        <v>240</v>
      </c>
      <c r="E139">
        <v>30</v>
      </c>
      <c r="F139" s="3">
        <v>16</v>
      </c>
      <c r="H139" s="3">
        <v>1</v>
      </c>
      <c r="I139" s="3">
        <v>3</v>
      </c>
    </row>
    <row r="140" spans="1:9" x14ac:dyDescent="0.25">
      <c r="A140" s="1" t="s">
        <v>152</v>
      </c>
      <c r="B140" s="2">
        <v>3</v>
      </c>
      <c r="C140" s="2" t="s">
        <v>13</v>
      </c>
      <c r="D140" s="2">
        <v>240</v>
      </c>
      <c r="E140">
        <v>2.5</v>
      </c>
      <c r="F140" s="3">
        <v>2</v>
      </c>
      <c r="H140" s="3">
        <v>1</v>
      </c>
      <c r="I140" s="3">
        <v>2</v>
      </c>
    </row>
    <row r="141" spans="1:9" x14ac:dyDescent="0.25">
      <c r="A141" s="1" t="s">
        <v>153</v>
      </c>
      <c r="B141" s="2">
        <v>6</v>
      </c>
      <c r="C141" s="2" t="s">
        <v>13</v>
      </c>
      <c r="D141" s="2">
        <v>120</v>
      </c>
      <c r="E141">
        <v>2.5</v>
      </c>
      <c r="F141" s="3">
        <v>4</v>
      </c>
      <c r="H141" s="3">
        <v>3</v>
      </c>
      <c r="I141" s="3">
        <v>4</v>
      </c>
    </row>
    <row r="142" spans="1:9" x14ac:dyDescent="0.25">
      <c r="A142" s="1" t="s">
        <v>154</v>
      </c>
      <c r="B142" s="2">
        <v>6</v>
      </c>
      <c r="C142" s="2" t="s">
        <v>13</v>
      </c>
      <c r="D142" s="2">
        <v>120</v>
      </c>
      <c r="E142">
        <v>2.5</v>
      </c>
      <c r="F142" s="3">
        <v>3.2</v>
      </c>
      <c r="H142" s="3">
        <v>3</v>
      </c>
      <c r="I142" s="3">
        <v>4</v>
      </c>
    </row>
    <row r="143" spans="1:9" x14ac:dyDescent="0.25">
      <c r="A143" s="1" t="s">
        <v>155</v>
      </c>
      <c r="B143" s="2">
        <v>9</v>
      </c>
      <c r="C143" s="2" t="s">
        <v>13</v>
      </c>
      <c r="D143" s="2">
        <v>120</v>
      </c>
      <c r="E143">
        <v>2.5</v>
      </c>
      <c r="F143" s="3">
        <v>2</v>
      </c>
      <c r="H143" s="3">
        <v>3</v>
      </c>
      <c r="I143" s="3">
        <v>4</v>
      </c>
    </row>
    <row r="144" spans="1:9" x14ac:dyDescent="0.25">
      <c r="A144" s="1" t="s">
        <v>156</v>
      </c>
      <c r="B144" s="2">
        <v>9</v>
      </c>
      <c r="C144" s="2" t="s">
        <v>13</v>
      </c>
      <c r="D144" s="2">
        <v>120</v>
      </c>
      <c r="E144">
        <v>2.5</v>
      </c>
      <c r="F144" s="3">
        <v>2</v>
      </c>
      <c r="H144" s="3">
        <v>3</v>
      </c>
      <c r="I144" s="3">
        <v>3</v>
      </c>
    </row>
    <row r="145" spans="1:9" x14ac:dyDescent="0.25">
      <c r="A145" s="1" t="s">
        <v>157</v>
      </c>
      <c r="B145" s="2">
        <v>9</v>
      </c>
      <c r="C145" s="2" t="s">
        <v>13</v>
      </c>
      <c r="D145" s="2">
        <v>277</v>
      </c>
      <c r="E145">
        <v>2.5</v>
      </c>
      <c r="F145" s="3">
        <v>2</v>
      </c>
      <c r="H145" s="3">
        <v>3</v>
      </c>
      <c r="I145" s="3">
        <v>4</v>
      </c>
    </row>
    <row r="146" spans="1:9" x14ac:dyDescent="0.25">
      <c r="A146" s="1" t="s">
        <v>158</v>
      </c>
      <c r="B146" s="2">
        <v>9</v>
      </c>
      <c r="C146" s="2" t="s">
        <v>13</v>
      </c>
      <c r="D146" s="2">
        <v>347</v>
      </c>
      <c r="E146">
        <v>2.5</v>
      </c>
      <c r="F146" s="3">
        <v>2</v>
      </c>
      <c r="H146" s="3">
        <v>3</v>
      </c>
      <c r="I146" s="3">
        <v>4</v>
      </c>
    </row>
    <row r="147" spans="1:9" x14ac:dyDescent="0.25">
      <c r="A147" s="1" t="s">
        <v>159</v>
      </c>
      <c r="B147" s="2">
        <v>9</v>
      </c>
      <c r="C147" s="2" t="s">
        <v>13</v>
      </c>
      <c r="D147" s="2">
        <v>480</v>
      </c>
      <c r="E147">
        <v>2.5</v>
      </c>
      <c r="F147" s="3">
        <v>2</v>
      </c>
      <c r="H147" s="3">
        <v>3</v>
      </c>
      <c r="I147" s="3">
        <v>3</v>
      </c>
    </row>
    <row r="148" spans="1:9" x14ac:dyDescent="0.25">
      <c r="A148" s="1" t="s">
        <v>160</v>
      </c>
      <c r="B148" s="2">
        <v>9</v>
      </c>
      <c r="C148" s="2" t="s">
        <v>13</v>
      </c>
      <c r="D148" s="2">
        <v>600</v>
      </c>
      <c r="E148">
        <v>2.5</v>
      </c>
      <c r="F148" s="3">
        <v>2</v>
      </c>
      <c r="H148" s="3">
        <v>3</v>
      </c>
      <c r="I148" s="3">
        <v>3</v>
      </c>
    </row>
    <row r="149" spans="1:9" x14ac:dyDescent="0.25">
      <c r="A149" s="1" t="s">
        <v>161</v>
      </c>
      <c r="B149" s="2">
        <v>9</v>
      </c>
      <c r="C149" s="2" t="s">
        <v>13</v>
      </c>
      <c r="D149" s="2">
        <v>120</v>
      </c>
      <c r="E149">
        <v>2.5</v>
      </c>
      <c r="F149" s="3">
        <v>3.2</v>
      </c>
      <c r="H149" s="3">
        <v>3</v>
      </c>
      <c r="I149" s="3">
        <v>4</v>
      </c>
    </row>
    <row r="150" spans="1:9" x14ac:dyDescent="0.25">
      <c r="A150" s="1" t="s">
        <v>162</v>
      </c>
      <c r="B150" s="2">
        <v>9</v>
      </c>
      <c r="C150" s="2" t="s">
        <v>13</v>
      </c>
      <c r="D150" s="2">
        <v>277</v>
      </c>
      <c r="E150">
        <v>2.5</v>
      </c>
      <c r="F150" s="3">
        <v>3.2</v>
      </c>
      <c r="H150" s="3">
        <v>3</v>
      </c>
      <c r="I150" s="3">
        <v>4</v>
      </c>
    </row>
    <row r="151" spans="1:9" x14ac:dyDescent="0.25">
      <c r="A151" s="1" t="s">
        <v>163</v>
      </c>
      <c r="B151" s="2">
        <v>12</v>
      </c>
      <c r="C151" s="2" t="s">
        <v>13</v>
      </c>
      <c r="D151" s="2">
        <v>120</v>
      </c>
      <c r="E151">
        <v>30</v>
      </c>
      <c r="F151" s="3">
        <v>32</v>
      </c>
      <c r="H151" s="3">
        <v>2</v>
      </c>
      <c r="I151" s="3">
        <v>3</v>
      </c>
    </row>
    <row r="152" spans="1:9" x14ac:dyDescent="0.25">
      <c r="A152" s="1" t="s">
        <v>164</v>
      </c>
      <c r="B152" s="2">
        <v>12</v>
      </c>
      <c r="C152" s="2" t="s">
        <v>13</v>
      </c>
      <c r="D152" s="2">
        <v>277</v>
      </c>
      <c r="E152">
        <v>30</v>
      </c>
      <c r="F152" s="3">
        <v>32</v>
      </c>
      <c r="H152" s="3">
        <v>2</v>
      </c>
      <c r="I152" s="3">
        <v>3</v>
      </c>
    </row>
    <row r="153" spans="1:9" x14ac:dyDescent="0.25">
      <c r="A153" s="1" t="s">
        <v>165</v>
      </c>
      <c r="B153" s="2">
        <v>12</v>
      </c>
      <c r="C153" s="2" t="s">
        <v>13</v>
      </c>
      <c r="D153" s="2">
        <v>480</v>
      </c>
      <c r="E153">
        <v>30</v>
      </c>
      <c r="F153" s="3">
        <v>32</v>
      </c>
      <c r="H153" s="3">
        <v>3</v>
      </c>
      <c r="I153" s="3">
        <v>3</v>
      </c>
    </row>
    <row r="154" spans="1:9" x14ac:dyDescent="0.25">
      <c r="A154" s="1" t="s">
        <v>166</v>
      </c>
      <c r="B154" s="2">
        <v>12</v>
      </c>
      <c r="C154" s="2" t="s">
        <v>13</v>
      </c>
      <c r="D154" s="2">
        <v>600</v>
      </c>
      <c r="E154">
        <v>30</v>
      </c>
      <c r="F154" s="3">
        <v>32</v>
      </c>
      <c r="H154" s="3">
        <v>3</v>
      </c>
      <c r="I154" s="3">
        <v>3</v>
      </c>
    </row>
    <row r="155" spans="1:9" x14ac:dyDescent="0.25">
      <c r="A155" s="1" t="s">
        <v>167</v>
      </c>
      <c r="B155" s="2">
        <v>16</v>
      </c>
      <c r="C155" s="2" t="s">
        <v>13</v>
      </c>
      <c r="D155" s="2">
        <v>120</v>
      </c>
      <c r="E155">
        <v>30</v>
      </c>
      <c r="F155" s="3">
        <v>32</v>
      </c>
      <c r="H155" s="3">
        <v>3</v>
      </c>
      <c r="I155" s="3">
        <v>4</v>
      </c>
    </row>
    <row r="156" spans="1:9" x14ac:dyDescent="0.25">
      <c r="A156" s="1" t="s">
        <v>168</v>
      </c>
      <c r="B156" s="2">
        <v>1</v>
      </c>
      <c r="C156" s="2" t="s">
        <v>13</v>
      </c>
      <c r="D156" s="2">
        <v>240</v>
      </c>
      <c r="E156">
        <v>30</v>
      </c>
      <c r="F156" s="3">
        <v>3</v>
      </c>
      <c r="H156" s="3">
        <v>1</v>
      </c>
      <c r="I156" s="3">
        <v>2</v>
      </c>
    </row>
    <row r="157" spans="1:9" x14ac:dyDescent="0.25">
      <c r="A157" s="1" t="s">
        <v>169</v>
      </c>
      <c r="B157" s="2">
        <v>16</v>
      </c>
      <c r="C157" s="2" t="s">
        <v>13</v>
      </c>
      <c r="D157" s="2">
        <v>277</v>
      </c>
      <c r="E157">
        <v>30</v>
      </c>
      <c r="F157" s="3">
        <v>32</v>
      </c>
      <c r="H157" s="3">
        <v>3</v>
      </c>
      <c r="I157" s="3">
        <v>4</v>
      </c>
    </row>
    <row r="158" spans="1:9" x14ac:dyDescent="0.25">
      <c r="A158" s="1" t="s">
        <v>170</v>
      </c>
      <c r="B158" s="2">
        <v>16</v>
      </c>
      <c r="C158" s="2" t="s">
        <v>13</v>
      </c>
      <c r="D158" s="2">
        <v>347</v>
      </c>
      <c r="E158">
        <v>30</v>
      </c>
      <c r="F158" s="3">
        <v>32</v>
      </c>
      <c r="H158" s="3">
        <v>3</v>
      </c>
      <c r="I158" s="3">
        <v>4</v>
      </c>
    </row>
    <row r="159" spans="1:9" x14ac:dyDescent="0.25">
      <c r="A159" s="1" t="s">
        <v>171</v>
      </c>
      <c r="B159" s="2">
        <v>6</v>
      </c>
      <c r="C159" s="2" t="s">
        <v>13</v>
      </c>
      <c r="D159" s="2">
        <v>227</v>
      </c>
      <c r="E159">
        <v>2.5</v>
      </c>
      <c r="F159" s="3">
        <v>4</v>
      </c>
      <c r="H159" s="3">
        <v>3</v>
      </c>
      <c r="I159" s="3">
        <v>4</v>
      </c>
    </row>
    <row r="160" spans="1:9" x14ac:dyDescent="0.25">
      <c r="A160" s="1" t="s">
        <v>172</v>
      </c>
      <c r="B160" s="2">
        <v>13</v>
      </c>
      <c r="C160" s="2" t="s">
        <v>13</v>
      </c>
      <c r="D160" s="2">
        <v>480</v>
      </c>
      <c r="E160">
        <v>50</v>
      </c>
      <c r="F160" s="3">
        <v>4.5</v>
      </c>
      <c r="H160" s="3">
        <v>3</v>
      </c>
      <c r="I160" s="3">
        <v>3</v>
      </c>
    </row>
    <row r="161" spans="1:9" x14ac:dyDescent="0.25">
      <c r="A161" s="1" t="s">
        <v>173</v>
      </c>
      <c r="B161" s="2">
        <v>5</v>
      </c>
      <c r="C161" s="2" t="s">
        <v>13</v>
      </c>
      <c r="D161" s="2">
        <v>480</v>
      </c>
      <c r="E161">
        <v>5</v>
      </c>
      <c r="F161" s="3">
        <v>0.3</v>
      </c>
      <c r="H161" s="3">
        <v>3</v>
      </c>
      <c r="I161" s="3">
        <v>3</v>
      </c>
    </row>
    <row r="162" spans="1:9" x14ac:dyDescent="0.25">
      <c r="A162" s="1" t="s">
        <v>174</v>
      </c>
      <c r="B162" s="2">
        <v>6</v>
      </c>
      <c r="C162" s="2" t="s">
        <v>13</v>
      </c>
      <c r="D162" s="2">
        <v>120</v>
      </c>
      <c r="E162">
        <v>2.5</v>
      </c>
      <c r="F162" s="3">
        <v>16</v>
      </c>
      <c r="H162" s="3">
        <v>3</v>
      </c>
      <c r="I162" s="3">
        <v>4</v>
      </c>
    </row>
    <row r="163" spans="1:9" x14ac:dyDescent="0.25">
      <c r="A163" s="1" t="s">
        <v>175</v>
      </c>
      <c r="B163" s="2">
        <v>12</v>
      </c>
      <c r="C163" s="2" t="s">
        <v>13</v>
      </c>
      <c r="D163" s="2" t="s">
        <v>176</v>
      </c>
      <c r="E163">
        <v>30</v>
      </c>
      <c r="F163" s="3">
        <v>10</v>
      </c>
      <c r="H163" s="3">
        <v>3</v>
      </c>
      <c r="I163" s="3">
        <v>3</v>
      </c>
    </row>
    <row r="164" spans="1:9" x14ac:dyDescent="0.25">
      <c r="A164" s="1" t="s">
        <v>177</v>
      </c>
      <c r="B164" s="2">
        <v>25</v>
      </c>
      <c r="C164" s="2" t="s">
        <v>13</v>
      </c>
      <c r="D164" s="2">
        <v>120</v>
      </c>
      <c r="E164">
        <v>50</v>
      </c>
      <c r="F164" s="3">
        <v>14.4</v>
      </c>
      <c r="H164" s="3">
        <v>3</v>
      </c>
      <c r="I164" s="3">
        <v>3</v>
      </c>
    </row>
    <row r="165" spans="1:9" x14ac:dyDescent="0.25">
      <c r="A165" s="1" t="s">
        <v>178</v>
      </c>
      <c r="B165" s="2">
        <v>35</v>
      </c>
      <c r="C165" s="2" t="s">
        <v>13</v>
      </c>
      <c r="D165" s="2">
        <v>120</v>
      </c>
      <c r="E165">
        <v>2.5</v>
      </c>
      <c r="F165" s="3">
        <v>0.5</v>
      </c>
      <c r="H165" s="3">
        <v>3</v>
      </c>
      <c r="I165" s="3">
        <v>3</v>
      </c>
    </row>
    <row r="166" spans="1:9" x14ac:dyDescent="0.25">
      <c r="A166" s="1" t="s">
        <v>179</v>
      </c>
      <c r="B166" s="2">
        <v>36</v>
      </c>
      <c r="C166" s="2" t="s">
        <v>13</v>
      </c>
      <c r="D166" s="2">
        <v>120</v>
      </c>
      <c r="E166">
        <v>2.5</v>
      </c>
      <c r="F166" s="3">
        <v>1</v>
      </c>
      <c r="H166" s="3">
        <v>3</v>
      </c>
      <c r="I166" s="3">
        <v>4</v>
      </c>
    </row>
    <row r="167" spans="1:9" x14ac:dyDescent="0.25">
      <c r="A167" s="1" t="s">
        <v>180</v>
      </c>
      <c r="B167" s="2">
        <v>1</v>
      </c>
      <c r="C167" s="2" t="s">
        <v>13</v>
      </c>
      <c r="D167" s="2">
        <v>120</v>
      </c>
      <c r="E167">
        <v>30</v>
      </c>
      <c r="F167" s="3">
        <v>1</v>
      </c>
      <c r="H167" s="3">
        <v>1</v>
      </c>
      <c r="I167" s="3">
        <v>2</v>
      </c>
    </row>
    <row r="168" spans="1:9" x14ac:dyDescent="0.25">
      <c r="A168" s="1" t="s">
        <v>181</v>
      </c>
      <c r="B168" s="2">
        <v>9</v>
      </c>
      <c r="C168" s="2" t="s">
        <v>13</v>
      </c>
      <c r="D168" s="2">
        <v>120</v>
      </c>
      <c r="E168">
        <v>2.5</v>
      </c>
      <c r="F168" s="3">
        <v>0.25</v>
      </c>
      <c r="H168" s="3">
        <v>3</v>
      </c>
      <c r="I168" s="3">
        <v>4</v>
      </c>
    </row>
    <row r="169" spans="1:9" x14ac:dyDescent="0.25">
      <c r="A169" s="1" t="s">
        <v>182</v>
      </c>
      <c r="B169" s="2">
        <v>1</v>
      </c>
      <c r="C169" s="2" t="s">
        <v>13</v>
      </c>
      <c r="D169" s="2">
        <v>240</v>
      </c>
      <c r="E169">
        <v>30</v>
      </c>
      <c r="F169" s="3">
        <v>7.2</v>
      </c>
      <c r="H169" s="3">
        <v>1</v>
      </c>
      <c r="I169" s="3">
        <v>2</v>
      </c>
    </row>
    <row r="170" spans="1:9" x14ac:dyDescent="0.25">
      <c r="A170" s="1" t="s">
        <v>183</v>
      </c>
      <c r="B170" s="2">
        <v>9</v>
      </c>
      <c r="C170" s="2" t="s">
        <v>27</v>
      </c>
      <c r="D170" s="2">
        <v>120</v>
      </c>
      <c r="E170">
        <v>2.5</v>
      </c>
      <c r="F170" s="3">
        <v>0.25</v>
      </c>
      <c r="H170" s="3">
        <v>3</v>
      </c>
      <c r="I170" s="3">
        <v>4</v>
      </c>
    </row>
    <row r="171" spans="1:9" x14ac:dyDescent="0.25">
      <c r="A171" s="1" t="s">
        <v>184</v>
      </c>
      <c r="B171" s="2">
        <v>9</v>
      </c>
      <c r="C171" s="2" t="s">
        <v>27</v>
      </c>
      <c r="D171" s="2">
        <v>120</v>
      </c>
      <c r="E171">
        <v>2.5</v>
      </c>
      <c r="F171" s="3">
        <v>0.5</v>
      </c>
      <c r="H171" s="3">
        <v>3</v>
      </c>
      <c r="I171" s="3">
        <v>4</v>
      </c>
    </row>
    <row r="172" spans="1:9" x14ac:dyDescent="0.25">
      <c r="A172" s="1" t="s">
        <v>185</v>
      </c>
      <c r="B172" s="2">
        <v>3</v>
      </c>
      <c r="C172" s="2" t="s">
        <v>13</v>
      </c>
      <c r="D172" s="2">
        <v>120</v>
      </c>
      <c r="E172">
        <v>2.5</v>
      </c>
      <c r="F172" s="3">
        <v>0.25</v>
      </c>
      <c r="H172" s="3">
        <v>1</v>
      </c>
      <c r="I172" s="3">
        <v>2</v>
      </c>
    </row>
    <row r="173" spans="1:9" x14ac:dyDescent="0.25">
      <c r="A173" s="1" t="s">
        <v>186</v>
      </c>
      <c r="B173" s="2">
        <v>3</v>
      </c>
      <c r="C173" s="2" t="s">
        <v>13</v>
      </c>
      <c r="D173" s="2">
        <v>240</v>
      </c>
      <c r="E173">
        <v>2.5</v>
      </c>
      <c r="F173" s="3">
        <v>0.25</v>
      </c>
      <c r="G173" s="2" t="s">
        <v>187</v>
      </c>
      <c r="H173" s="3">
        <v>1</v>
      </c>
      <c r="I173" s="3">
        <v>2</v>
      </c>
    </row>
    <row r="174" spans="1:9" x14ac:dyDescent="0.25">
      <c r="A174" s="1" t="s">
        <v>188</v>
      </c>
      <c r="B174" s="2">
        <v>4</v>
      </c>
      <c r="C174" s="2" t="s">
        <v>13</v>
      </c>
      <c r="D174" s="2">
        <v>120</v>
      </c>
      <c r="E174">
        <v>2.5</v>
      </c>
      <c r="F174" s="3">
        <v>0.25</v>
      </c>
      <c r="H174" s="3">
        <v>1</v>
      </c>
      <c r="I174" s="3">
        <v>3</v>
      </c>
    </row>
    <row r="175" spans="1:9" x14ac:dyDescent="0.25">
      <c r="A175" s="1" t="s">
        <v>189</v>
      </c>
      <c r="B175" s="2">
        <v>4</v>
      </c>
      <c r="C175" s="2" t="s">
        <v>13</v>
      </c>
      <c r="D175" s="2">
        <v>240</v>
      </c>
      <c r="E175">
        <v>2.5</v>
      </c>
      <c r="F175" s="3">
        <v>0.25</v>
      </c>
      <c r="H175" s="3">
        <v>1</v>
      </c>
      <c r="I175" s="3">
        <v>3</v>
      </c>
    </row>
    <row r="176" spans="1:9" x14ac:dyDescent="0.25">
      <c r="A176" s="1" t="s">
        <v>190</v>
      </c>
      <c r="B176" s="2">
        <v>35</v>
      </c>
      <c r="C176" s="2" t="s">
        <v>13</v>
      </c>
      <c r="D176" s="2">
        <v>120</v>
      </c>
      <c r="E176">
        <v>2.5</v>
      </c>
      <c r="F176" s="3">
        <v>1</v>
      </c>
      <c r="H176" s="3">
        <v>3</v>
      </c>
      <c r="I176" s="3">
        <v>3</v>
      </c>
    </row>
    <row r="177" spans="1:10" x14ac:dyDescent="0.25">
      <c r="A177" s="1" t="s">
        <v>191</v>
      </c>
      <c r="B177" s="2">
        <v>1</v>
      </c>
      <c r="C177" s="2" t="s">
        <v>13</v>
      </c>
      <c r="D177" s="2">
        <v>120</v>
      </c>
      <c r="E177">
        <v>50</v>
      </c>
      <c r="F177" s="3">
        <v>1</v>
      </c>
      <c r="H177" s="3">
        <v>1</v>
      </c>
      <c r="I177" s="3">
        <v>2</v>
      </c>
      <c r="J177" s="3">
        <v>1</v>
      </c>
    </row>
    <row r="178" spans="1:10" x14ac:dyDescent="0.25">
      <c r="A178" s="1" t="s">
        <v>192</v>
      </c>
      <c r="B178" s="2">
        <v>2</v>
      </c>
      <c r="C178" t="s">
        <v>13</v>
      </c>
      <c r="D178" s="2">
        <v>240</v>
      </c>
      <c r="E178">
        <v>30</v>
      </c>
      <c r="F178" s="3">
        <v>7.2</v>
      </c>
      <c r="G178" t="s">
        <v>187</v>
      </c>
      <c r="H178" s="3">
        <v>1</v>
      </c>
      <c r="I178" s="3">
        <v>3</v>
      </c>
      <c r="J178" s="3">
        <v>0.6</v>
      </c>
    </row>
    <row r="179" spans="1:10" x14ac:dyDescent="0.25">
      <c r="A179" s="1" t="s">
        <v>193</v>
      </c>
      <c r="B179" s="2">
        <v>2</v>
      </c>
      <c r="C179" t="s">
        <v>13</v>
      </c>
      <c r="D179" s="2">
        <v>240</v>
      </c>
      <c r="E179">
        <v>50</v>
      </c>
      <c r="F179" s="3">
        <v>12</v>
      </c>
      <c r="H179" s="3">
        <v>1</v>
      </c>
      <c r="I179" s="3">
        <v>3</v>
      </c>
      <c r="J179" s="3">
        <v>1</v>
      </c>
    </row>
    <row r="180" spans="1:10" x14ac:dyDescent="0.25">
      <c r="A180" s="1" t="s">
        <v>194</v>
      </c>
      <c r="B180" s="2">
        <v>12</v>
      </c>
      <c r="C180" t="s">
        <v>13</v>
      </c>
      <c r="D180" s="2">
        <v>120</v>
      </c>
      <c r="E180">
        <v>30</v>
      </c>
      <c r="F180" s="3">
        <v>14.4</v>
      </c>
      <c r="H180" s="3">
        <v>2</v>
      </c>
      <c r="I180" s="3">
        <v>3</v>
      </c>
      <c r="J180" s="3">
        <v>1.2</v>
      </c>
    </row>
    <row r="181" spans="1:10" x14ac:dyDescent="0.25">
      <c r="A181" s="1" t="s">
        <v>195</v>
      </c>
      <c r="B181" s="2">
        <v>9</v>
      </c>
      <c r="C181" s="2" t="s">
        <v>13</v>
      </c>
      <c r="D181" s="2">
        <v>277</v>
      </c>
      <c r="E181">
        <v>5</v>
      </c>
      <c r="F181" s="3">
        <v>1.8</v>
      </c>
      <c r="H181" s="3">
        <v>3</v>
      </c>
      <c r="I181" s="3">
        <v>4</v>
      </c>
      <c r="J181" s="3">
        <v>0.15</v>
      </c>
    </row>
    <row r="182" spans="1:10" x14ac:dyDescent="0.25">
      <c r="A182" s="1" t="s">
        <v>196</v>
      </c>
      <c r="B182" s="2">
        <v>12</v>
      </c>
      <c r="C182" s="2" t="s">
        <v>13</v>
      </c>
      <c r="D182" s="2">
        <v>240</v>
      </c>
      <c r="E182">
        <v>50</v>
      </c>
      <c r="F182" s="3" t="s">
        <v>187</v>
      </c>
      <c r="H182" s="3">
        <v>3</v>
      </c>
      <c r="I182" s="3">
        <v>3</v>
      </c>
      <c r="J182" s="3">
        <v>10</v>
      </c>
    </row>
    <row r="183" spans="1:10" x14ac:dyDescent="0.25">
      <c r="A183" s="1" t="s">
        <v>197</v>
      </c>
      <c r="B183" s="2">
        <v>1</v>
      </c>
      <c r="C183" s="2" t="s">
        <v>13</v>
      </c>
      <c r="D183" s="2">
        <v>240</v>
      </c>
      <c r="E183">
        <v>15</v>
      </c>
      <c r="F183" s="3">
        <v>1</v>
      </c>
      <c r="H183" s="3">
        <v>1</v>
      </c>
      <c r="I183" s="3">
        <v>2</v>
      </c>
      <c r="J183" s="3">
        <v>1</v>
      </c>
    </row>
    <row r="184" spans="1:10" x14ac:dyDescent="0.25">
      <c r="A184" s="1" t="s">
        <v>198</v>
      </c>
      <c r="B184" s="2">
        <v>1</v>
      </c>
      <c r="C184" s="2" t="s">
        <v>13</v>
      </c>
      <c r="D184" s="2">
        <v>240</v>
      </c>
      <c r="E184">
        <v>50</v>
      </c>
      <c r="F184" s="3">
        <v>1</v>
      </c>
      <c r="H184" s="3">
        <v>1</v>
      </c>
      <c r="I184" s="3">
        <v>2</v>
      </c>
      <c r="J184" s="3">
        <v>1</v>
      </c>
    </row>
    <row r="185" spans="1:10" x14ac:dyDescent="0.25">
      <c r="A185" s="1" t="s">
        <v>199</v>
      </c>
      <c r="B185" s="2">
        <v>3</v>
      </c>
      <c r="C185" t="s">
        <v>13</v>
      </c>
      <c r="D185" s="2">
        <v>120</v>
      </c>
      <c r="E185">
        <v>2.5</v>
      </c>
      <c r="F185" s="3">
        <v>0.1</v>
      </c>
      <c r="H185" s="3">
        <v>1</v>
      </c>
      <c r="I185" s="3">
        <v>2</v>
      </c>
      <c r="J185" s="3">
        <v>0.1</v>
      </c>
    </row>
    <row r="186" spans="1:10" x14ac:dyDescent="0.25">
      <c r="A186" s="1" t="s">
        <v>200</v>
      </c>
      <c r="B186" s="2">
        <v>4</v>
      </c>
      <c r="C186" t="s">
        <v>13</v>
      </c>
      <c r="D186" s="2">
        <v>120</v>
      </c>
      <c r="E186">
        <v>2.5</v>
      </c>
      <c r="F186" s="3">
        <v>0.1</v>
      </c>
      <c r="G186" t="s">
        <v>187</v>
      </c>
      <c r="H186" s="3">
        <v>1</v>
      </c>
      <c r="I186" s="3">
        <v>3</v>
      </c>
      <c r="J186" s="3">
        <v>0.1</v>
      </c>
    </row>
    <row r="187" spans="1:10" x14ac:dyDescent="0.25">
      <c r="A187" s="1" t="s">
        <v>201</v>
      </c>
      <c r="B187" s="2">
        <v>2</v>
      </c>
      <c r="C187" t="s">
        <v>13</v>
      </c>
      <c r="D187" s="2">
        <v>240</v>
      </c>
      <c r="E187">
        <v>15</v>
      </c>
      <c r="F187" s="3">
        <v>1</v>
      </c>
      <c r="H187" s="3">
        <v>1</v>
      </c>
      <c r="I187" s="3">
        <v>3</v>
      </c>
      <c r="J187" s="3">
        <v>1</v>
      </c>
    </row>
    <row r="188" spans="1:10" x14ac:dyDescent="0.25">
      <c r="A188" s="1" t="s">
        <v>202</v>
      </c>
      <c r="B188" s="2">
        <v>12</v>
      </c>
      <c r="C188" t="s">
        <v>13</v>
      </c>
      <c r="D188" s="2">
        <v>120</v>
      </c>
      <c r="E188">
        <v>15</v>
      </c>
      <c r="F188" s="3">
        <v>1</v>
      </c>
      <c r="G188" t="s">
        <v>187</v>
      </c>
      <c r="H188" s="3">
        <v>2</v>
      </c>
      <c r="I188" s="3">
        <v>3</v>
      </c>
      <c r="J188" s="3">
        <v>1</v>
      </c>
    </row>
    <row r="189" spans="1:10" x14ac:dyDescent="0.25">
      <c r="A189" s="1" t="s">
        <v>203</v>
      </c>
      <c r="B189" s="2">
        <v>12</v>
      </c>
      <c r="C189" s="2" t="s">
        <v>13</v>
      </c>
      <c r="D189" s="2">
        <v>120</v>
      </c>
      <c r="E189">
        <v>50</v>
      </c>
      <c r="F189" s="3">
        <v>1</v>
      </c>
      <c r="H189" s="3">
        <v>2</v>
      </c>
      <c r="I189" s="3">
        <v>3</v>
      </c>
      <c r="J189">
        <v>1</v>
      </c>
    </row>
    <row r="190" spans="1:10" x14ac:dyDescent="0.25">
      <c r="A190" s="1" t="s">
        <v>204</v>
      </c>
      <c r="B190" s="2">
        <v>12</v>
      </c>
      <c r="C190" s="2" t="s">
        <v>13</v>
      </c>
      <c r="D190" s="2">
        <v>480</v>
      </c>
      <c r="E190">
        <v>30</v>
      </c>
      <c r="F190" s="3">
        <v>4</v>
      </c>
      <c r="H190" s="3">
        <v>3</v>
      </c>
      <c r="I190" s="3">
        <v>3</v>
      </c>
      <c r="J190">
        <v>4</v>
      </c>
    </row>
    <row r="191" spans="1:10" x14ac:dyDescent="0.25">
      <c r="A191" s="1" t="s">
        <v>205</v>
      </c>
      <c r="B191" s="2">
        <v>1</v>
      </c>
      <c r="C191" s="4" t="s">
        <v>13</v>
      </c>
      <c r="D191" s="2">
        <v>120</v>
      </c>
      <c r="E191">
        <v>2.5</v>
      </c>
      <c r="F191" s="3">
        <v>0.1</v>
      </c>
      <c r="H191" s="3">
        <v>1</v>
      </c>
      <c r="I191" s="3">
        <v>2</v>
      </c>
      <c r="J191" s="3">
        <v>0.1</v>
      </c>
    </row>
    <row r="192" spans="1:10" x14ac:dyDescent="0.25">
      <c r="A192" s="1" t="s">
        <v>206</v>
      </c>
      <c r="B192" s="2">
        <v>9</v>
      </c>
      <c r="C192" s="2" t="s">
        <v>27</v>
      </c>
      <c r="D192" s="2">
        <v>120</v>
      </c>
      <c r="E192">
        <v>2.5</v>
      </c>
      <c r="F192" s="3">
        <v>1</v>
      </c>
      <c r="H192" s="3">
        <v>3</v>
      </c>
      <c r="I192" s="3">
        <v>3</v>
      </c>
    </row>
    <row r="193" spans="1:10" x14ac:dyDescent="0.25">
      <c r="A193" s="1" t="s">
        <v>207</v>
      </c>
      <c r="B193" s="2">
        <v>12</v>
      </c>
      <c r="C193" s="2" t="s">
        <v>13</v>
      </c>
      <c r="D193" s="2">
        <v>120</v>
      </c>
      <c r="E193">
        <v>50</v>
      </c>
      <c r="F193" s="3">
        <v>20</v>
      </c>
      <c r="H193" s="3">
        <v>2</v>
      </c>
      <c r="I193" s="3">
        <v>3</v>
      </c>
      <c r="J193" s="3">
        <v>2</v>
      </c>
    </row>
    <row r="194" spans="1:10" x14ac:dyDescent="0.25">
      <c r="A194" s="1" t="s">
        <v>208</v>
      </c>
      <c r="B194" s="2">
        <v>36</v>
      </c>
      <c r="C194" s="2" t="s">
        <v>13</v>
      </c>
      <c r="D194" s="2">
        <v>120</v>
      </c>
      <c r="E194">
        <v>2.5</v>
      </c>
      <c r="F194" s="3">
        <v>0.5</v>
      </c>
      <c r="H194" s="3">
        <v>3</v>
      </c>
      <c r="I194" s="3">
        <v>4</v>
      </c>
    </row>
    <row r="195" spans="1:10" x14ac:dyDescent="0.25">
      <c r="A195" s="1" t="s">
        <v>209</v>
      </c>
      <c r="B195" s="2">
        <v>36</v>
      </c>
      <c r="C195" s="2" t="s">
        <v>13</v>
      </c>
      <c r="D195" s="2">
        <v>120</v>
      </c>
      <c r="E195">
        <v>2.5</v>
      </c>
      <c r="F195" s="3">
        <v>0.25</v>
      </c>
      <c r="H195" s="3">
        <v>3</v>
      </c>
      <c r="I195" s="3">
        <v>4</v>
      </c>
    </row>
    <row r="196" spans="1:10" x14ac:dyDescent="0.25">
      <c r="A196" s="1" t="s">
        <v>210</v>
      </c>
      <c r="B196" s="2">
        <v>10</v>
      </c>
      <c r="C196" t="s">
        <v>13</v>
      </c>
      <c r="D196" s="2">
        <v>120</v>
      </c>
      <c r="E196">
        <v>2.5</v>
      </c>
      <c r="F196" s="5">
        <v>1</v>
      </c>
      <c r="G196" t="s">
        <v>187</v>
      </c>
      <c r="H196" s="3">
        <v>3</v>
      </c>
      <c r="I196" s="3">
        <v>4</v>
      </c>
      <c r="J196" s="5">
        <v>1</v>
      </c>
    </row>
    <row r="197" spans="1:10" x14ac:dyDescent="0.25">
      <c r="A197" s="1" t="s">
        <v>211</v>
      </c>
      <c r="B197" s="2">
        <v>1</v>
      </c>
      <c r="C197" s="2" t="s">
        <v>13</v>
      </c>
      <c r="D197" s="2">
        <v>240</v>
      </c>
      <c r="E197">
        <v>15</v>
      </c>
      <c r="F197" s="3">
        <v>1</v>
      </c>
      <c r="H197" s="3">
        <v>1</v>
      </c>
      <c r="I197" s="3">
        <v>2</v>
      </c>
      <c r="J197" s="3">
        <v>1</v>
      </c>
    </row>
    <row r="198" spans="1:10" x14ac:dyDescent="0.25">
      <c r="A198" s="1" t="s">
        <v>212</v>
      </c>
      <c r="B198" s="2">
        <v>1</v>
      </c>
      <c r="C198" s="2" t="s">
        <v>22</v>
      </c>
      <c r="D198" s="2">
        <v>120</v>
      </c>
      <c r="E198">
        <v>15</v>
      </c>
      <c r="F198" s="3">
        <v>1.6</v>
      </c>
      <c r="H198" s="3">
        <v>1</v>
      </c>
      <c r="I198" s="3">
        <v>2</v>
      </c>
      <c r="J198" s="3"/>
    </row>
    <row r="199" spans="1:10" x14ac:dyDescent="0.25">
      <c r="A199" s="1" t="s">
        <v>213</v>
      </c>
      <c r="B199" s="2">
        <v>16</v>
      </c>
      <c r="C199" s="2" t="s">
        <v>22</v>
      </c>
      <c r="D199" s="2">
        <v>120</v>
      </c>
      <c r="E199">
        <v>30</v>
      </c>
      <c r="F199" s="3">
        <v>10</v>
      </c>
      <c r="H199" s="3">
        <v>3</v>
      </c>
      <c r="I199" s="3">
        <v>4</v>
      </c>
      <c r="J199" s="3"/>
    </row>
    <row r="200" spans="1:10" x14ac:dyDescent="0.25">
      <c r="A200" s="1" t="s">
        <v>214</v>
      </c>
      <c r="B200" s="2">
        <v>9</v>
      </c>
      <c r="C200" s="2" t="s">
        <v>13</v>
      </c>
      <c r="D200" s="2">
        <v>120</v>
      </c>
      <c r="E200">
        <v>5</v>
      </c>
      <c r="F200" s="3">
        <v>3</v>
      </c>
      <c r="H200" s="3">
        <v>3</v>
      </c>
      <c r="I200" s="3">
        <v>4</v>
      </c>
      <c r="J200" s="3">
        <v>0.3</v>
      </c>
    </row>
    <row r="201" spans="1:10" x14ac:dyDescent="0.25">
      <c r="A201" s="1" t="s">
        <v>215</v>
      </c>
      <c r="B201" s="2">
        <v>5</v>
      </c>
      <c r="C201" s="2" t="s">
        <v>13</v>
      </c>
      <c r="D201" s="2">
        <v>240</v>
      </c>
      <c r="E201">
        <v>5</v>
      </c>
      <c r="F201" s="3">
        <v>1.2</v>
      </c>
      <c r="H201" s="3">
        <v>3</v>
      </c>
      <c r="I201" s="3">
        <v>3</v>
      </c>
      <c r="J201" s="3">
        <v>0.1</v>
      </c>
    </row>
    <row r="202" spans="1:10" x14ac:dyDescent="0.25">
      <c r="A202" s="1" t="s">
        <v>216</v>
      </c>
      <c r="B202" s="2">
        <v>9</v>
      </c>
      <c r="C202" s="2" t="s">
        <v>13</v>
      </c>
      <c r="D202" s="2">
        <v>277</v>
      </c>
      <c r="E202">
        <v>5</v>
      </c>
      <c r="F202" s="3">
        <v>1.8</v>
      </c>
      <c r="H202" s="3">
        <v>3</v>
      </c>
      <c r="I202" s="3">
        <v>4</v>
      </c>
      <c r="J202" s="3">
        <v>1.8</v>
      </c>
    </row>
    <row r="203" spans="1:10" x14ac:dyDescent="0.25">
      <c r="A203" s="1" t="s">
        <v>217</v>
      </c>
      <c r="B203" s="2">
        <v>3</v>
      </c>
      <c r="C203" s="2" t="s">
        <v>13</v>
      </c>
      <c r="D203" s="2">
        <v>120</v>
      </c>
      <c r="E203">
        <v>5</v>
      </c>
      <c r="F203" s="3">
        <v>0.3</v>
      </c>
      <c r="H203" s="3">
        <v>1</v>
      </c>
      <c r="I203" s="3">
        <v>2</v>
      </c>
      <c r="J203" s="3">
        <v>2.5000000000000001E-2</v>
      </c>
    </row>
    <row r="204" spans="1:10" x14ac:dyDescent="0.25">
      <c r="A204" s="1" t="s">
        <v>218</v>
      </c>
      <c r="B204" s="2">
        <v>3</v>
      </c>
      <c r="C204" t="s">
        <v>13</v>
      </c>
      <c r="D204" s="2">
        <v>240</v>
      </c>
      <c r="E204">
        <v>5</v>
      </c>
      <c r="F204" s="3">
        <v>0.6</v>
      </c>
      <c r="G204" t="s">
        <v>187</v>
      </c>
      <c r="H204" s="3">
        <v>1</v>
      </c>
      <c r="I204" s="3">
        <v>2</v>
      </c>
      <c r="J204" s="3">
        <v>0.05</v>
      </c>
    </row>
    <row r="205" spans="1:10" x14ac:dyDescent="0.25">
      <c r="A205" s="1" t="s">
        <v>219</v>
      </c>
      <c r="B205" s="2">
        <v>4</v>
      </c>
      <c r="C205" s="2" t="s">
        <v>13</v>
      </c>
      <c r="D205" s="2">
        <v>240</v>
      </c>
      <c r="E205">
        <v>5</v>
      </c>
      <c r="F205" s="3">
        <v>0.6</v>
      </c>
      <c r="H205" s="3">
        <v>1</v>
      </c>
      <c r="I205" s="3">
        <v>3</v>
      </c>
      <c r="J205" s="3">
        <v>0.05</v>
      </c>
    </row>
    <row r="206" spans="1:10" x14ac:dyDescent="0.25">
      <c r="A206" s="1" t="s">
        <v>220</v>
      </c>
      <c r="B206" s="2">
        <v>4</v>
      </c>
      <c r="C206" s="2" t="s">
        <v>13</v>
      </c>
      <c r="D206" s="2">
        <v>240</v>
      </c>
      <c r="E206">
        <v>5</v>
      </c>
      <c r="F206" s="3">
        <v>0.6</v>
      </c>
      <c r="H206" s="3">
        <v>1</v>
      </c>
      <c r="I206" s="3">
        <v>3</v>
      </c>
      <c r="J206" s="3">
        <v>0.6</v>
      </c>
    </row>
    <row r="207" spans="1:10" x14ac:dyDescent="0.25">
      <c r="A207" s="1" t="s">
        <v>221</v>
      </c>
      <c r="B207" s="2">
        <v>5</v>
      </c>
      <c r="C207" s="2" t="s">
        <v>13</v>
      </c>
      <c r="D207" s="2">
        <v>240</v>
      </c>
      <c r="E207">
        <v>5</v>
      </c>
      <c r="F207" s="3">
        <v>1.2</v>
      </c>
      <c r="H207" s="3">
        <v>3</v>
      </c>
      <c r="I207" s="3">
        <v>3</v>
      </c>
      <c r="J207" s="3">
        <v>1.2</v>
      </c>
    </row>
    <row r="208" spans="1:10" x14ac:dyDescent="0.25">
      <c r="A208" s="6">
        <v>81</v>
      </c>
      <c r="B208" s="2">
        <v>6</v>
      </c>
      <c r="C208" s="2" t="s">
        <v>13</v>
      </c>
      <c r="D208" s="2">
        <v>277</v>
      </c>
      <c r="E208">
        <v>5</v>
      </c>
      <c r="F208" s="3">
        <v>1.8</v>
      </c>
      <c r="H208" s="3">
        <v>3</v>
      </c>
      <c r="I208" s="3">
        <v>4</v>
      </c>
      <c r="J208" s="3">
        <v>1.8</v>
      </c>
    </row>
    <row r="209" spans="1:10" x14ac:dyDescent="0.25">
      <c r="A209" s="6">
        <v>82</v>
      </c>
      <c r="B209" s="2">
        <v>9</v>
      </c>
      <c r="C209" s="2" t="s">
        <v>13</v>
      </c>
      <c r="D209" s="2">
        <v>120</v>
      </c>
      <c r="E209">
        <v>0.5</v>
      </c>
      <c r="F209" s="3">
        <v>0.1</v>
      </c>
      <c r="H209" s="3">
        <v>3</v>
      </c>
      <c r="I209" s="3">
        <v>4</v>
      </c>
      <c r="J209" s="3">
        <v>0.1</v>
      </c>
    </row>
    <row r="210" spans="1:10" x14ac:dyDescent="0.25">
      <c r="A210" s="6">
        <v>83</v>
      </c>
      <c r="B210" s="2">
        <v>2</v>
      </c>
      <c r="C210" s="2" t="s">
        <v>13</v>
      </c>
      <c r="D210" s="2">
        <v>240</v>
      </c>
      <c r="E210">
        <v>80</v>
      </c>
      <c r="F210" s="3">
        <v>12</v>
      </c>
      <c r="H210" s="3">
        <v>1</v>
      </c>
      <c r="I210" s="3">
        <v>3</v>
      </c>
      <c r="J210" s="3">
        <v>12</v>
      </c>
    </row>
    <row r="211" spans="1:10" x14ac:dyDescent="0.25">
      <c r="A211" s="6">
        <v>84</v>
      </c>
      <c r="B211" s="2">
        <v>12</v>
      </c>
      <c r="C211" s="2" t="s">
        <v>13</v>
      </c>
      <c r="D211" s="2">
        <v>120</v>
      </c>
      <c r="E211">
        <v>15</v>
      </c>
      <c r="F211" s="3">
        <v>1.8</v>
      </c>
      <c r="H211" s="3">
        <v>2</v>
      </c>
      <c r="I211" s="3">
        <v>3</v>
      </c>
      <c r="J211" s="3">
        <v>1.8</v>
      </c>
    </row>
    <row r="212" spans="1:10" x14ac:dyDescent="0.25">
      <c r="A212" s="6">
        <v>85</v>
      </c>
      <c r="B212" s="2">
        <v>25</v>
      </c>
      <c r="C212" s="2" t="s">
        <v>13</v>
      </c>
      <c r="D212" s="2">
        <v>120</v>
      </c>
      <c r="E212">
        <v>15</v>
      </c>
      <c r="F212" s="3">
        <v>1.8</v>
      </c>
      <c r="H212" s="3">
        <v>2</v>
      </c>
      <c r="I212" s="3">
        <v>3</v>
      </c>
      <c r="J212" s="3">
        <v>1.8</v>
      </c>
    </row>
    <row r="213" spans="1:10" x14ac:dyDescent="0.25">
      <c r="A213" s="6">
        <v>86</v>
      </c>
      <c r="B213" s="2">
        <v>1</v>
      </c>
      <c r="C213" s="2" t="s">
        <v>13</v>
      </c>
      <c r="D213" s="2">
        <v>120</v>
      </c>
      <c r="E213">
        <v>15</v>
      </c>
      <c r="F213" s="3">
        <v>0.9</v>
      </c>
      <c r="H213" s="3">
        <v>1</v>
      </c>
      <c r="I213" s="3">
        <v>2</v>
      </c>
      <c r="J213" s="3">
        <v>0.9</v>
      </c>
    </row>
    <row r="214" spans="1:10" x14ac:dyDescent="0.25">
      <c r="A214" s="7" t="s">
        <v>222</v>
      </c>
      <c r="B214" s="2">
        <v>1</v>
      </c>
      <c r="C214" s="2" t="s">
        <v>13</v>
      </c>
      <c r="D214" s="2">
        <v>240</v>
      </c>
      <c r="E214">
        <v>15</v>
      </c>
      <c r="F214" s="3">
        <v>3.6</v>
      </c>
      <c r="H214" s="3">
        <v>1</v>
      </c>
      <c r="I214" s="3">
        <v>2</v>
      </c>
    </row>
    <row r="215" spans="1:10" x14ac:dyDescent="0.25">
      <c r="A215" s="7" t="s">
        <v>223</v>
      </c>
      <c r="B215" s="2">
        <v>45</v>
      </c>
      <c r="C215" s="4" t="s">
        <v>13</v>
      </c>
      <c r="D215" s="2">
        <v>120</v>
      </c>
      <c r="E215">
        <v>5</v>
      </c>
      <c r="F215" s="3">
        <v>1.2</v>
      </c>
      <c r="H215" s="3">
        <v>3</v>
      </c>
      <c r="I215" s="3">
        <v>3</v>
      </c>
      <c r="J215" s="3">
        <v>1.2</v>
      </c>
    </row>
    <row r="216" spans="1:10" x14ac:dyDescent="0.25">
      <c r="A216" s="7" t="s">
        <v>224</v>
      </c>
      <c r="B216" s="2">
        <v>36</v>
      </c>
      <c r="C216" s="4" t="s">
        <v>13</v>
      </c>
      <c r="D216" s="2">
        <v>120</v>
      </c>
      <c r="E216">
        <v>0.5</v>
      </c>
      <c r="F216" s="3">
        <v>0.18</v>
      </c>
      <c r="H216" s="3">
        <v>3</v>
      </c>
      <c r="I216" s="3">
        <v>4</v>
      </c>
      <c r="J216" s="3">
        <v>0.18</v>
      </c>
    </row>
    <row r="217" spans="1:10" x14ac:dyDescent="0.25">
      <c r="A217" s="1" t="s">
        <v>225</v>
      </c>
      <c r="B217" s="2">
        <v>66</v>
      </c>
      <c r="C217" s="2" t="s">
        <v>13</v>
      </c>
      <c r="D217" s="2">
        <v>240</v>
      </c>
      <c r="E217">
        <v>5</v>
      </c>
      <c r="H217" s="3">
        <v>3</v>
      </c>
      <c r="I217" s="3">
        <v>3</v>
      </c>
      <c r="J217" s="3">
        <v>1.2</v>
      </c>
    </row>
    <row r="218" spans="1:10" x14ac:dyDescent="0.25">
      <c r="A218" s="6" t="s">
        <v>226</v>
      </c>
      <c r="B218" s="2">
        <v>45</v>
      </c>
      <c r="C218" s="4" t="s">
        <v>13</v>
      </c>
      <c r="D218" s="2">
        <v>120</v>
      </c>
      <c r="E218">
        <v>0.5</v>
      </c>
      <c r="F218" s="3">
        <v>0.12</v>
      </c>
      <c r="H218" s="3">
        <v>3</v>
      </c>
      <c r="I218" s="3">
        <v>3</v>
      </c>
      <c r="J218">
        <v>1.2</v>
      </c>
    </row>
    <row r="219" spans="1:10" x14ac:dyDescent="0.25">
      <c r="A219" s="6" t="s">
        <v>227</v>
      </c>
      <c r="B219" s="2">
        <v>12</v>
      </c>
      <c r="C219" s="4" t="s">
        <v>13</v>
      </c>
      <c r="D219" s="2">
        <v>240</v>
      </c>
      <c r="E219">
        <v>30</v>
      </c>
      <c r="F219" s="3">
        <v>14.4</v>
      </c>
      <c r="H219" s="3">
        <v>2</v>
      </c>
      <c r="I219" s="3">
        <v>3</v>
      </c>
      <c r="J219" s="3">
        <v>14.4</v>
      </c>
    </row>
    <row r="220" spans="1:10" x14ac:dyDescent="0.25">
      <c r="A220" s="6" t="s">
        <v>228</v>
      </c>
      <c r="B220" s="2">
        <v>12</v>
      </c>
      <c r="C220" s="4" t="s">
        <v>13</v>
      </c>
      <c r="D220" s="2">
        <v>265</v>
      </c>
      <c r="E220">
        <v>30</v>
      </c>
      <c r="F220" s="3">
        <v>14.4</v>
      </c>
      <c r="H220" s="3">
        <v>2</v>
      </c>
      <c r="I220" s="3">
        <v>3</v>
      </c>
      <c r="J220" s="3">
        <v>14.4</v>
      </c>
    </row>
    <row r="221" spans="1:10" x14ac:dyDescent="0.25">
      <c r="A221" s="1" t="s">
        <v>229</v>
      </c>
      <c r="B221" s="2">
        <v>45</v>
      </c>
      <c r="C221" t="s">
        <v>13</v>
      </c>
      <c r="D221" s="2">
        <v>240</v>
      </c>
      <c r="E221">
        <v>5</v>
      </c>
      <c r="F221" s="3">
        <v>1.2</v>
      </c>
      <c r="H221" s="3">
        <v>3</v>
      </c>
      <c r="I221" s="3">
        <v>3</v>
      </c>
      <c r="J221">
        <v>1.2</v>
      </c>
    </row>
    <row r="222" spans="1:10" x14ac:dyDescent="0.25">
      <c r="A222" s="1" t="s">
        <v>230</v>
      </c>
      <c r="B222" s="2">
        <v>9</v>
      </c>
      <c r="C222" s="2" t="s">
        <v>13</v>
      </c>
      <c r="D222" s="2">
        <v>277</v>
      </c>
      <c r="E222">
        <v>2.5</v>
      </c>
      <c r="F222">
        <v>1</v>
      </c>
      <c r="G222" s="3"/>
      <c r="H222">
        <v>3</v>
      </c>
      <c r="I222" s="3">
        <v>4</v>
      </c>
      <c r="J222" s="3"/>
    </row>
    <row r="223" spans="1:10" x14ac:dyDescent="0.25">
      <c r="A223" s="1" t="s">
        <v>231</v>
      </c>
      <c r="B223" s="2">
        <v>5</v>
      </c>
      <c r="C223" s="2" t="s">
        <v>13</v>
      </c>
      <c r="D223" s="2">
        <v>240</v>
      </c>
      <c r="E223">
        <v>2.5</v>
      </c>
      <c r="F223">
        <v>1</v>
      </c>
      <c r="G223" s="3"/>
      <c r="H223">
        <v>3</v>
      </c>
      <c r="I223" s="3">
        <v>3</v>
      </c>
    </row>
    <row r="224" spans="1:10" x14ac:dyDescent="0.25">
      <c r="A224" s="1" t="s">
        <v>232</v>
      </c>
      <c r="B224" s="2">
        <v>16</v>
      </c>
      <c r="C224" s="2" t="s">
        <v>13</v>
      </c>
      <c r="D224" s="2">
        <v>277</v>
      </c>
      <c r="E224">
        <v>50</v>
      </c>
      <c r="F224">
        <v>1</v>
      </c>
      <c r="G224" s="3"/>
      <c r="H224">
        <v>3</v>
      </c>
      <c r="I224" s="3">
        <v>4</v>
      </c>
    </row>
    <row r="225" spans="1:9" x14ac:dyDescent="0.25">
      <c r="A225" s="1" t="s">
        <v>233</v>
      </c>
      <c r="B225" s="2">
        <v>2</v>
      </c>
      <c r="C225" s="2" t="s">
        <v>13</v>
      </c>
      <c r="D225" s="2">
        <v>480</v>
      </c>
      <c r="E225">
        <v>50</v>
      </c>
      <c r="F225">
        <v>1</v>
      </c>
      <c r="G225" s="3"/>
      <c r="H225">
        <v>1</v>
      </c>
      <c r="I225" s="3">
        <v>3</v>
      </c>
    </row>
    <row r="226" spans="1:9" x14ac:dyDescent="0.25">
      <c r="A226" s="1" t="s">
        <v>234</v>
      </c>
      <c r="B226" s="2">
        <v>12</v>
      </c>
      <c r="C226" t="s">
        <v>13</v>
      </c>
      <c r="D226" s="2">
        <v>0</v>
      </c>
      <c r="E226">
        <v>0</v>
      </c>
      <c r="F226" s="3">
        <v>0</v>
      </c>
      <c r="G226" t="s">
        <v>187</v>
      </c>
      <c r="H226" s="3">
        <v>3</v>
      </c>
      <c r="I226" s="3">
        <v>3</v>
      </c>
    </row>
    <row r="227" spans="1:9" x14ac:dyDescent="0.25">
      <c r="A227" s="1" t="s">
        <v>235</v>
      </c>
      <c r="B227" s="2">
        <v>13</v>
      </c>
      <c r="C227" t="s">
        <v>13</v>
      </c>
      <c r="D227" s="2">
        <v>0</v>
      </c>
      <c r="E227">
        <v>0</v>
      </c>
      <c r="F227" s="3">
        <v>0</v>
      </c>
      <c r="G227" t="s">
        <v>187</v>
      </c>
      <c r="H227" s="3">
        <v>3</v>
      </c>
      <c r="I227" s="3">
        <v>3</v>
      </c>
    </row>
    <row r="228" spans="1:9" x14ac:dyDescent="0.25">
      <c r="A228" s="1" t="s">
        <v>236</v>
      </c>
      <c r="B228" s="2">
        <v>16</v>
      </c>
      <c r="C228" t="s">
        <v>13</v>
      </c>
      <c r="D228" s="2">
        <v>0</v>
      </c>
      <c r="E228">
        <v>0</v>
      </c>
      <c r="F228" s="3">
        <v>0</v>
      </c>
      <c r="G228" t="s">
        <v>187</v>
      </c>
      <c r="H228" s="3">
        <v>3</v>
      </c>
      <c r="I228" s="3">
        <v>4</v>
      </c>
    </row>
    <row r="229" spans="1:9" x14ac:dyDescent="0.25">
      <c r="A229" s="1" t="s">
        <v>237</v>
      </c>
      <c r="B229" s="2">
        <v>5</v>
      </c>
      <c r="C229" t="s">
        <v>22</v>
      </c>
      <c r="D229" s="2">
        <v>0</v>
      </c>
      <c r="E229">
        <v>0</v>
      </c>
      <c r="F229" s="3">
        <v>0</v>
      </c>
      <c r="G229" t="s">
        <v>187</v>
      </c>
      <c r="H229" s="3">
        <v>3</v>
      </c>
      <c r="I229" s="3">
        <v>3</v>
      </c>
    </row>
    <row r="230" spans="1:9" x14ac:dyDescent="0.25">
      <c r="A230" s="1" t="s">
        <v>238</v>
      </c>
      <c r="B230" s="2">
        <v>6</v>
      </c>
      <c r="C230" t="s">
        <v>22</v>
      </c>
      <c r="D230" s="2">
        <v>0</v>
      </c>
      <c r="E230">
        <v>0</v>
      </c>
      <c r="F230" s="3">
        <v>0</v>
      </c>
      <c r="G230" t="s">
        <v>187</v>
      </c>
      <c r="H230" s="3">
        <v>3</v>
      </c>
      <c r="I230" s="3">
        <v>4</v>
      </c>
    </row>
    <row r="231" spans="1:9" x14ac:dyDescent="0.25">
      <c r="A231" s="1" t="s">
        <v>239</v>
      </c>
      <c r="B231" s="2">
        <v>10</v>
      </c>
      <c r="C231" t="s">
        <v>22</v>
      </c>
      <c r="D231" s="2">
        <v>0</v>
      </c>
      <c r="E231">
        <v>0</v>
      </c>
      <c r="F231" s="3">
        <v>0</v>
      </c>
      <c r="G231" t="s">
        <v>187</v>
      </c>
      <c r="H231" s="3">
        <v>3</v>
      </c>
      <c r="I231" s="3">
        <v>4</v>
      </c>
    </row>
    <row r="232" spans="1:9" x14ac:dyDescent="0.25">
      <c r="A232" s="1" t="s">
        <v>240</v>
      </c>
      <c r="B232" s="2">
        <v>5</v>
      </c>
      <c r="C232" t="s">
        <v>13</v>
      </c>
      <c r="D232" s="2">
        <v>120</v>
      </c>
      <c r="E232">
        <v>2.5</v>
      </c>
      <c r="F232" s="3">
        <v>1.2</v>
      </c>
      <c r="G232">
        <v>41.666666666666664</v>
      </c>
      <c r="H232" s="3">
        <v>3</v>
      </c>
      <c r="I232" s="3">
        <v>3</v>
      </c>
    </row>
    <row r="233" spans="1:9" x14ac:dyDescent="0.25">
      <c r="A233" s="1" t="s">
        <v>241</v>
      </c>
      <c r="B233" s="2">
        <v>2</v>
      </c>
      <c r="C233" t="s">
        <v>13</v>
      </c>
      <c r="D233" s="2">
        <v>480</v>
      </c>
      <c r="E233">
        <v>15</v>
      </c>
      <c r="F233" s="3">
        <v>7.2</v>
      </c>
      <c r="G233">
        <v>166.66666666666666</v>
      </c>
      <c r="H233" s="3">
        <v>1</v>
      </c>
      <c r="I233" s="3">
        <v>3</v>
      </c>
    </row>
    <row r="234" spans="1:9" x14ac:dyDescent="0.25">
      <c r="A234" s="1" t="s">
        <v>242</v>
      </c>
      <c r="B234" s="2">
        <v>5</v>
      </c>
      <c r="C234" t="s">
        <v>22</v>
      </c>
      <c r="D234" s="2">
        <v>120</v>
      </c>
      <c r="E234">
        <v>2.5</v>
      </c>
      <c r="F234" s="3">
        <v>1.2</v>
      </c>
      <c r="G234">
        <v>41.666666666666664</v>
      </c>
      <c r="H234" s="3">
        <v>3</v>
      </c>
      <c r="I234" s="3">
        <v>3</v>
      </c>
    </row>
    <row r="235" spans="1:9" x14ac:dyDescent="0.25">
      <c r="A235" s="1" t="s">
        <v>243</v>
      </c>
      <c r="B235" s="2">
        <v>2</v>
      </c>
      <c r="C235" t="s">
        <v>13</v>
      </c>
      <c r="D235" s="2">
        <v>240</v>
      </c>
      <c r="E235">
        <v>50</v>
      </c>
      <c r="F235" s="3">
        <v>14.4</v>
      </c>
      <c r="G235" t="s">
        <v>187</v>
      </c>
      <c r="H235" s="3">
        <v>1</v>
      </c>
      <c r="I235" s="3">
        <v>3</v>
      </c>
    </row>
    <row r="236" spans="1:9" x14ac:dyDescent="0.25">
      <c r="A236" s="1" t="s">
        <v>244</v>
      </c>
      <c r="B236" s="2">
        <v>2</v>
      </c>
      <c r="C236" t="s">
        <v>13</v>
      </c>
      <c r="D236" s="2">
        <v>240</v>
      </c>
      <c r="E236">
        <v>2.5</v>
      </c>
      <c r="F236" s="3">
        <v>0.6</v>
      </c>
      <c r="G236">
        <v>166.66666666666666</v>
      </c>
      <c r="H236" s="3">
        <v>1</v>
      </c>
      <c r="I236" s="3">
        <v>3</v>
      </c>
    </row>
    <row r="237" spans="1:9" x14ac:dyDescent="0.25">
      <c r="A237" s="1" t="s">
        <v>245</v>
      </c>
      <c r="B237" s="2">
        <v>2</v>
      </c>
      <c r="C237" t="s">
        <v>13</v>
      </c>
      <c r="D237" s="2">
        <v>240</v>
      </c>
      <c r="E237">
        <v>15</v>
      </c>
      <c r="F237" s="3">
        <v>3.6</v>
      </c>
      <c r="G237">
        <v>27.777777777777779</v>
      </c>
      <c r="H237" s="3">
        <v>1</v>
      </c>
      <c r="I237" s="3">
        <v>3</v>
      </c>
    </row>
    <row r="238" spans="1:9" x14ac:dyDescent="0.25">
      <c r="A238" s="1" t="s">
        <v>246</v>
      </c>
      <c r="B238" s="2">
        <v>2</v>
      </c>
      <c r="C238" t="s">
        <v>13</v>
      </c>
      <c r="D238" s="2">
        <v>240</v>
      </c>
      <c r="E238">
        <v>30</v>
      </c>
      <c r="F238" s="3">
        <v>7.2</v>
      </c>
      <c r="G238">
        <v>13.888888888888889</v>
      </c>
      <c r="H238" s="3">
        <v>1</v>
      </c>
      <c r="I238" s="3">
        <v>3</v>
      </c>
    </row>
    <row r="239" spans="1:9" x14ac:dyDescent="0.25">
      <c r="A239" s="1" t="s">
        <v>247</v>
      </c>
      <c r="B239" s="2">
        <v>2</v>
      </c>
      <c r="C239" t="s">
        <v>13</v>
      </c>
      <c r="D239" s="2">
        <v>240</v>
      </c>
      <c r="E239">
        <v>30</v>
      </c>
      <c r="F239" s="3">
        <v>7.2</v>
      </c>
      <c r="G239">
        <v>138.88888888888889</v>
      </c>
      <c r="H239" s="3">
        <v>1</v>
      </c>
      <c r="I239" s="3">
        <v>3</v>
      </c>
    </row>
    <row r="240" spans="1:9" x14ac:dyDescent="0.25">
      <c r="A240" s="1" t="s">
        <v>248</v>
      </c>
      <c r="B240" s="2">
        <v>2</v>
      </c>
      <c r="C240" t="s">
        <v>13</v>
      </c>
      <c r="D240" s="2">
        <v>240</v>
      </c>
      <c r="E240">
        <v>30</v>
      </c>
      <c r="F240" s="3">
        <v>12</v>
      </c>
      <c r="G240">
        <v>8.3333333333333339</v>
      </c>
      <c r="H240" s="3">
        <v>1</v>
      </c>
      <c r="I240" s="3">
        <v>3</v>
      </c>
    </row>
    <row r="241" spans="1:9" x14ac:dyDescent="0.25">
      <c r="A241" s="1" t="s">
        <v>249</v>
      </c>
      <c r="B241" s="2">
        <v>2</v>
      </c>
      <c r="C241" t="s">
        <v>13</v>
      </c>
      <c r="D241" s="2">
        <v>240</v>
      </c>
      <c r="E241">
        <v>50</v>
      </c>
      <c r="F241" s="3">
        <v>12</v>
      </c>
      <c r="G241">
        <v>8.3333333333333339</v>
      </c>
      <c r="H241" s="3">
        <v>1</v>
      </c>
      <c r="I241" s="3">
        <v>3</v>
      </c>
    </row>
    <row r="242" spans="1:9" x14ac:dyDescent="0.25">
      <c r="A242" s="1" t="s">
        <v>250</v>
      </c>
      <c r="B242" s="2">
        <v>4</v>
      </c>
      <c r="C242" t="s">
        <v>13</v>
      </c>
      <c r="D242" s="2">
        <v>240</v>
      </c>
      <c r="E242">
        <v>2.5</v>
      </c>
      <c r="F242" s="3">
        <v>0.6</v>
      </c>
      <c r="G242">
        <v>166.66666666666666</v>
      </c>
      <c r="H242" s="3">
        <v>1</v>
      </c>
      <c r="I242" s="3">
        <v>3</v>
      </c>
    </row>
    <row r="243" spans="1:9" x14ac:dyDescent="0.25">
      <c r="A243" s="1" t="s">
        <v>251</v>
      </c>
      <c r="B243" s="2">
        <v>1</v>
      </c>
      <c r="C243" t="s">
        <v>13</v>
      </c>
      <c r="D243" s="2">
        <v>120</v>
      </c>
      <c r="E243">
        <v>2.5</v>
      </c>
      <c r="F243" s="3">
        <v>0.3</v>
      </c>
      <c r="G243">
        <v>333.33333333333331</v>
      </c>
      <c r="H243" s="3">
        <v>1</v>
      </c>
      <c r="I243" s="3">
        <v>2</v>
      </c>
    </row>
    <row r="244" spans="1:9" x14ac:dyDescent="0.25">
      <c r="A244" s="1" t="s">
        <v>252</v>
      </c>
      <c r="B244" s="2">
        <v>1</v>
      </c>
      <c r="C244" t="s">
        <v>13</v>
      </c>
      <c r="D244" s="2">
        <v>120</v>
      </c>
      <c r="E244">
        <v>15</v>
      </c>
      <c r="F244" s="3">
        <v>1.8</v>
      </c>
      <c r="G244">
        <v>55.555555555555557</v>
      </c>
      <c r="H244" s="3">
        <v>1</v>
      </c>
      <c r="I244" s="3">
        <v>2</v>
      </c>
    </row>
    <row r="245" spans="1:9" x14ac:dyDescent="0.25">
      <c r="A245" s="1" t="s">
        <v>253</v>
      </c>
      <c r="B245" s="2">
        <v>3</v>
      </c>
      <c r="C245" t="s">
        <v>13</v>
      </c>
      <c r="D245" s="2">
        <v>120</v>
      </c>
      <c r="E245">
        <v>2.5</v>
      </c>
      <c r="F245" s="3">
        <v>0.3</v>
      </c>
      <c r="G245">
        <v>166.66666666666666</v>
      </c>
      <c r="H245" s="3">
        <v>1</v>
      </c>
      <c r="I245" s="3">
        <v>2</v>
      </c>
    </row>
    <row r="246" spans="1:9" x14ac:dyDescent="0.25">
      <c r="A246" s="1" t="s">
        <v>254</v>
      </c>
      <c r="B246" s="2">
        <v>3</v>
      </c>
      <c r="C246" t="s">
        <v>13</v>
      </c>
      <c r="D246" s="2">
        <v>120</v>
      </c>
      <c r="E246">
        <v>2.5</v>
      </c>
      <c r="F246" s="3">
        <v>0.3</v>
      </c>
      <c r="G246">
        <v>333.33333333333331</v>
      </c>
      <c r="H246" s="3">
        <v>1</v>
      </c>
      <c r="I246" s="3">
        <v>2</v>
      </c>
    </row>
    <row r="247" spans="1:9" x14ac:dyDescent="0.25">
      <c r="A247" s="1" t="s">
        <v>255</v>
      </c>
      <c r="B247" s="2">
        <v>5</v>
      </c>
      <c r="C247" t="s">
        <v>13</v>
      </c>
      <c r="D247" s="2">
        <v>120</v>
      </c>
      <c r="E247">
        <v>2.5</v>
      </c>
      <c r="F247" s="3">
        <v>1.2</v>
      </c>
      <c r="G247">
        <v>166.66666666666666</v>
      </c>
      <c r="H247" s="3">
        <v>3</v>
      </c>
      <c r="I247" s="3">
        <v>3</v>
      </c>
    </row>
    <row r="248" spans="1:9" x14ac:dyDescent="0.25">
      <c r="A248" s="1" t="s">
        <v>256</v>
      </c>
      <c r="B248" s="2">
        <v>12</v>
      </c>
      <c r="C248" t="s">
        <v>13</v>
      </c>
      <c r="D248" s="2">
        <v>120</v>
      </c>
      <c r="E248">
        <v>15</v>
      </c>
      <c r="F248" s="3">
        <v>3.6</v>
      </c>
      <c r="G248">
        <v>27.777777777777779</v>
      </c>
      <c r="H248" s="3">
        <v>3</v>
      </c>
      <c r="I248" s="3">
        <v>3</v>
      </c>
    </row>
    <row r="249" spans="1:9" x14ac:dyDescent="0.25">
      <c r="A249" s="1" t="s">
        <v>257</v>
      </c>
      <c r="B249" s="2">
        <v>12</v>
      </c>
      <c r="C249" t="s">
        <v>13</v>
      </c>
      <c r="D249" s="2">
        <v>120</v>
      </c>
      <c r="E249">
        <v>15</v>
      </c>
      <c r="F249" s="3">
        <v>7.2</v>
      </c>
      <c r="G249">
        <v>13.888888888888889</v>
      </c>
      <c r="H249" s="3">
        <v>3</v>
      </c>
      <c r="I249" s="3">
        <v>3</v>
      </c>
    </row>
    <row r="250" spans="1:9" x14ac:dyDescent="0.25">
      <c r="A250" s="1" t="s">
        <v>258</v>
      </c>
      <c r="B250" s="2">
        <v>12</v>
      </c>
      <c r="C250" t="s">
        <v>13</v>
      </c>
      <c r="D250" s="2">
        <v>120</v>
      </c>
      <c r="E250">
        <v>15</v>
      </c>
      <c r="F250" s="3">
        <v>7.2</v>
      </c>
      <c r="G250">
        <v>27.777777777777779</v>
      </c>
      <c r="H250" s="3">
        <v>3</v>
      </c>
      <c r="I250" s="3">
        <v>3</v>
      </c>
    </row>
    <row r="251" spans="1:9" x14ac:dyDescent="0.25">
      <c r="A251" s="1" t="s">
        <v>259</v>
      </c>
      <c r="B251" s="2">
        <v>12</v>
      </c>
      <c r="C251" t="s">
        <v>13</v>
      </c>
      <c r="D251" s="2">
        <v>120</v>
      </c>
      <c r="E251">
        <v>30</v>
      </c>
      <c r="F251" s="3">
        <v>14.4</v>
      </c>
      <c r="G251">
        <v>6.9444444444444446</v>
      </c>
      <c r="H251" s="3">
        <v>3</v>
      </c>
      <c r="I251" s="3">
        <v>3</v>
      </c>
    </row>
    <row r="252" spans="1:9" x14ac:dyDescent="0.25">
      <c r="A252" s="1" t="s">
        <v>260</v>
      </c>
      <c r="B252" s="2">
        <v>12</v>
      </c>
      <c r="C252" t="s">
        <v>13</v>
      </c>
      <c r="D252" s="2">
        <v>120</v>
      </c>
      <c r="E252">
        <v>30</v>
      </c>
      <c r="F252" s="3">
        <v>14.4</v>
      </c>
      <c r="G252">
        <v>13.888888888888889</v>
      </c>
      <c r="H252" s="3">
        <v>3</v>
      </c>
      <c r="I252" s="3">
        <v>3</v>
      </c>
    </row>
    <row r="253" spans="1:9" x14ac:dyDescent="0.25">
      <c r="A253" s="1" t="s">
        <v>261</v>
      </c>
      <c r="B253" s="2">
        <v>12</v>
      </c>
      <c r="C253" t="s">
        <v>13</v>
      </c>
      <c r="D253" s="2">
        <v>120</v>
      </c>
      <c r="E253">
        <v>30</v>
      </c>
      <c r="F253" s="3">
        <v>14.4</v>
      </c>
      <c r="G253">
        <v>69.444444444444443</v>
      </c>
      <c r="H253" s="3">
        <v>3</v>
      </c>
      <c r="I253" s="3">
        <v>3</v>
      </c>
    </row>
    <row r="254" spans="1:9" x14ac:dyDescent="0.25">
      <c r="A254" s="1" t="s">
        <v>262</v>
      </c>
      <c r="B254" s="2">
        <v>12</v>
      </c>
      <c r="C254" t="s">
        <v>13</v>
      </c>
      <c r="D254" s="2">
        <v>120</v>
      </c>
      <c r="E254">
        <v>30</v>
      </c>
      <c r="F254" s="3">
        <v>14.4</v>
      </c>
      <c r="G254">
        <v>138.88888888888889</v>
      </c>
      <c r="H254" s="3">
        <v>3</v>
      </c>
      <c r="I254" s="3">
        <v>3</v>
      </c>
    </row>
    <row r="255" spans="1:9" x14ac:dyDescent="0.25">
      <c r="A255" s="1" t="s">
        <v>263</v>
      </c>
      <c r="B255" s="2">
        <v>12</v>
      </c>
      <c r="C255" t="s">
        <v>13</v>
      </c>
      <c r="D255" s="2">
        <v>120</v>
      </c>
      <c r="E255">
        <v>50</v>
      </c>
      <c r="F255" s="3">
        <v>28.8</v>
      </c>
      <c r="G255">
        <v>6.9444444444444446</v>
      </c>
      <c r="H255" s="3">
        <v>3</v>
      </c>
      <c r="I255" s="3">
        <v>3</v>
      </c>
    </row>
    <row r="256" spans="1:9" x14ac:dyDescent="0.25">
      <c r="A256" s="1" t="s">
        <v>264</v>
      </c>
      <c r="B256" s="2">
        <v>12</v>
      </c>
      <c r="C256" t="s">
        <v>13</v>
      </c>
      <c r="D256" s="2">
        <v>120</v>
      </c>
      <c r="E256">
        <v>50</v>
      </c>
      <c r="F256" s="3">
        <v>28.8</v>
      </c>
      <c r="G256">
        <v>69.444444444444443</v>
      </c>
      <c r="H256" s="3">
        <v>3</v>
      </c>
      <c r="I256" s="3">
        <v>3</v>
      </c>
    </row>
    <row r="257" spans="1:9" x14ac:dyDescent="0.25">
      <c r="A257" s="1" t="s">
        <v>265</v>
      </c>
      <c r="B257" s="2">
        <v>5</v>
      </c>
      <c r="C257" t="s">
        <v>13</v>
      </c>
      <c r="D257" s="2">
        <v>120</v>
      </c>
      <c r="E257">
        <v>2.5</v>
      </c>
      <c r="F257" s="3">
        <v>1.2</v>
      </c>
      <c r="G257">
        <v>166.66666666666666</v>
      </c>
      <c r="H257" s="3">
        <v>2</v>
      </c>
      <c r="I257" s="3">
        <v>4</v>
      </c>
    </row>
    <row r="258" spans="1:9" x14ac:dyDescent="0.25">
      <c r="A258" s="1" t="s">
        <v>266</v>
      </c>
      <c r="B258" s="2">
        <v>6</v>
      </c>
      <c r="C258" t="s">
        <v>22</v>
      </c>
      <c r="D258" s="2">
        <v>120</v>
      </c>
      <c r="E258">
        <v>2.5</v>
      </c>
      <c r="F258" s="3">
        <v>1.8</v>
      </c>
      <c r="G258" t="s">
        <v>187</v>
      </c>
      <c r="H258" s="3">
        <v>3</v>
      </c>
      <c r="I258" s="3">
        <v>4</v>
      </c>
    </row>
    <row r="259" spans="1:9" x14ac:dyDescent="0.25">
      <c r="A259" s="1" t="s">
        <v>267</v>
      </c>
      <c r="B259" s="2">
        <v>6</v>
      </c>
      <c r="C259" t="s">
        <v>22</v>
      </c>
      <c r="D259" s="2">
        <v>120</v>
      </c>
      <c r="E259">
        <v>5</v>
      </c>
      <c r="F259" s="3">
        <v>3.6</v>
      </c>
      <c r="G259" t="s">
        <v>187</v>
      </c>
      <c r="H259" s="3">
        <v>3</v>
      </c>
      <c r="I259" s="3">
        <v>4</v>
      </c>
    </row>
    <row r="260" spans="1:9" x14ac:dyDescent="0.25">
      <c r="A260" s="1" t="s">
        <v>268</v>
      </c>
      <c r="B260" s="2">
        <v>6</v>
      </c>
      <c r="C260" t="s">
        <v>22</v>
      </c>
      <c r="D260" s="2">
        <v>277</v>
      </c>
      <c r="E260">
        <v>2.5</v>
      </c>
      <c r="F260" s="3">
        <v>3.6</v>
      </c>
      <c r="G260" t="s">
        <v>187</v>
      </c>
      <c r="H260" s="3">
        <v>3</v>
      </c>
      <c r="I260" s="3">
        <v>4</v>
      </c>
    </row>
    <row r="261" spans="1:9" x14ac:dyDescent="0.25">
      <c r="A261" s="1" t="s">
        <v>269</v>
      </c>
      <c r="B261" s="2">
        <v>6</v>
      </c>
      <c r="C261" t="s">
        <v>22</v>
      </c>
      <c r="D261" s="2">
        <v>277</v>
      </c>
      <c r="E261">
        <v>5</v>
      </c>
      <c r="F261" s="3">
        <v>7.2</v>
      </c>
      <c r="G261" t="s">
        <v>187</v>
      </c>
      <c r="H261" s="3">
        <v>3</v>
      </c>
      <c r="I261" s="3">
        <v>4</v>
      </c>
    </row>
    <row r="262" spans="1:9" x14ac:dyDescent="0.25">
      <c r="A262" s="1" t="s">
        <v>270</v>
      </c>
      <c r="B262" s="2">
        <v>16</v>
      </c>
      <c r="C262" t="s">
        <v>271</v>
      </c>
      <c r="D262" s="2">
        <v>120</v>
      </c>
      <c r="E262">
        <v>50</v>
      </c>
      <c r="F262" s="3">
        <v>43.2</v>
      </c>
      <c r="G262">
        <v>92.592592592592595</v>
      </c>
      <c r="H262" s="3">
        <v>3</v>
      </c>
      <c r="I262" s="3">
        <v>4</v>
      </c>
    </row>
    <row r="263" spans="1:9" x14ac:dyDescent="0.25">
      <c r="A263" s="1" t="s">
        <v>272</v>
      </c>
      <c r="B263" s="2">
        <v>5</v>
      </c>
      <c r="C263" t="s">
        <v>13</v>
      </c>
      <c r="D263" s="2">
        <v>240</v>
      </c>
      <c r="E263">
        <v>15</v>
      </c>
      <c r="F263" s="3">
        <v>14.4</v>
      </c>
      <c r="G263">
        <v>166.66666666666666</v>
      </c>
      <c r="H263" s="3">
        <v>3</v>
      </c>
      <c r="I263" s="3">
        <v>3</v>
      </c>
    </row>
    <row r="264" spans="1:9" x14ac:dyDescent="0.25">
      <c r="A264" s="1" t="s">
        <v>273</v>
      </c>
      <c r="B264" s="2">
        <v>9</v>
      </c>
      <c r="C264" t="s">
        <v>22</v>
      </c>
      <c r="D264" s="2">
        <v>120</v>
      </c>
      <c r="E264">
        <v>2.5</v>
      </c>
      <c r="F264" s="3">
        <v>1.8</v>
      </c>
      <c r="G264">
        <v>27.777777777777779</v>
      </c>
      <c r="H264" s="3">
        <v>3</v>
      </c>
      <c r="I264" s="3">
        <v>4</v>
      </c>
    </row>
    <row r="265" spans="1:9" x14ac:dyDescent="0.25">
      <c r="A265" s="1" t="s">
        <v>274</v>
      </c>
      <c r="B265" s="2">
        <v>3</v>
      </c>
      <c r="C265" t="s">
        <v>13</v>
      </c>
      <c r="D265" s="2">
        <v>480</v>
      </c>
      <c r="E265">
        <v>2.5</v>
      </c>
      <c r="F265" s="3">
        <v>1.2</v>
      </c>
      <c r="G265">
        <v>166.66666666666666</v>
      </c>
      <c r="H265" s="3">
        <v>1</v>
      </c>
      <c r="I265" s="3">
        <v>2</v>
      </c>
    </row>
    <row r="266" spans="1:9" x14ac:dyDescent="0.25">
      <c r="A266" s="1" t="s">
        <v>275</v>
      </c>
      <c r="B266" s="2">
        <v>16</v>
      </c>
      <c r="C266" t="s">
        <v>271</v>
      </c>
      <c r="D266" s="2">
        <v>120</v>
      </c>
      <c r="E266">
        <v>50</v>
      </c>
      <c r="F266" s="3">
        <v>43.2</v>
      </c>
      <c r="G266" t="s">
        <v>187</v>
      </c>
      <c r="H266" s="3">
        <v>3</v>
      </c>
      <c r="I266" s="3">
        <v>4</v>
      </c>
    </row>
    <row r="267" spans="1:9" x14ac:dyDescent="0.25">
      <c r="A267" s="1" t="s">
        <v>276</v>
      </c>
      <c r="B267" s="2">
        <v>11</v>
      </c>
      <c r="C267" t="s">
        <v>13</v>
      </c>
      <c r="D267" s="2">
        <v>240</v>
      </c>
      <c r="E267">
        <v>2.5</v>
      </c>
      <c r="F267" s="3">
        <v>3.6</v>
      </c>
      <c r="G267" t="s">
        <v>187</v>
      </c>
      <c r="H267" s="3">
        <v>3</v>
      </c>
      <c r="I267" s="3">
        <v>4</v>
      </c>
    </row>
    <row r="268" spans="1:9" x14ac:dyDescent="0.25">
      <c r="A268" s="1" t="s">
        <v>277</v>
      </c>
      <c r="B268" s="2">
        <v>17</v>
      </c>
      <c r="C268" t="s">
        <v>13</v>
      </c>
      <c r="D268" s="2">
        <v>240</v>
      </c>
      <c r="E268">
        <v>30</v>
      </c>
      <c r="F268" s="3">
        <v>43.2</v>
      </c>
      <c r="G268" t="s">
        <v>187</v>
      </c>
      <c r="H268" s="3">
        <v>3</v>
      </c>
      <c r="I268" s="3">
        <v>4</v>
      </c>
    </row>
    <row r="269" spans="1:9" x14ac:dyDescent="0.25">
      <c r="A269" s="1" t="s">
        <v>278</v>
      </c>
      <c r="B269" s="2">
        <v>16</v>
      </c>
      <c r="C269" t="s">
        <v>13</v>
      </c>
      <c r="D269" s="2">
        <v>120</v>
      </c>
      <c r="E269">
        <v>50</v>
      </c>
      <c r="F269" s="3">
        <v>27</v>
      </c>
      <c r="G269" t="s">
        <v>187</v>
      </c>
      <c r="H269" s="3">
        <v>3</v>
      </c>
      <c r="I269" s="3">
        <v>4</v>
      </c>
    </row>
    <row r="270" spans="1:9" x14ac:dyDescent="0.25">
      <c r="A270" s="1" t="s">
        <v>279</v>
      </c>
      <c r="B270" s="2">
        <v>8</v>
      </c>
      <c r="C270" t="s">
        <v>13</v>
      </c>
      <c r="D270" s="2">
        <v>240</v>
      </c>
      <c r="E270">
        <v>5</v>
      </c>
      <c r="F270" s="3">
        <v>2.4</v>
      </c>
      <c r="G270" t="s">
        <v>187</v>
      </c>
      <c r="H270" s="3">
        <v>3</v>
      </c>
      <c r="I270" s="3">
        <v>4</v>
      </c>
    </row>
    <row r="271" spans="1:9" x14ac:dyDescent="0.25">
      <c r="A271" s="1" t="s">
        <v>280</v>
      </c>
      <c r="B271" s="2">
        <v>9</v>
      </c>
      <c r="C271" t="s">
        <v>13</v>
      </c>
      <c r="D271" s="2">
        <v>120</v>
      </c>
      <c r="E271">
        <v>2.5</v>
      </c>
      <c r="F271" s="3">
        <v>1.8</v>
      </c>
      <c r="G271">
        <v>166.66666666666666</v>
      </c>
      <c r="H271" s="3">
        <v>3</v>
      </c>
      <c r="I271" s="3">
        <v>4</v>
      </c>
    </row>
    <row r="272" spans="1:9" x14ac:dyDescent="0.25">
      <c r="A272" s="1" t="s">
        <v>281</v>
      </c>
      <c r="B272" s="2">
        <v>6</v>
      </c>
      <c r="C272" t="s">
        <v>13</v>
      </c>
      <c r="D272" s="2">
        <v>120</v>
      </c>
      <c r="E272">
        <v>2.5</v>
      </c>
      <c r="F272" s="3">
        <v>1.8</v>
      </c>
      <c r="G272" t="s">
        <v>187</v>
      </c>
      <c r="H272" s="3">
        <v>3</v>
      </c>
      <c r="I272" s="3">
        <v>4</v>
      </c>
    </row>
    <row r="273" spans="1:9" x14ac:dyDescent="0.25">
      <c r="A273" s="1" t="s">
        <v>282</v>
      </c>
      <c r="B273" s="2">
        <v>6</v>
      </c>
      <c r="C273" t="s">
        <v>13</v>
      </c>
      <c r="D273" s="2">
        <v>120</v>
      </c>
      <c r="E273">
        <v>5</v>
      </c>
      <c r="F273" s="3">
        <v>3.6</v>
      </c>
      <c r="G273" t="s">
        <v>187</v>
      </c>
      <c r="H273" s="3">
        <v>3</v>
      </c>
      <c r="I273" s="3">
        <v>4</v>
      </c>
    </row>
    <row r="274" spans="1:9" x14ac:dyDescent="0.25">
      <c r="A274" s="1" t="s">
        <v>283</v>
      </c>
      <c r="B274" s="2">
        <v>6</v>
      </c>
      <c r="C274" t="s">
        <v>13</v>
      </c>
      <c r="D274" s="2">
        <v>277</v>
      </c>
      <c r="E274">
        <v>5</v>
      </c>
      <c r="F274" s="3">
        <v>7.2</v>
      </c>
      <c r="G274" t="s">
        <v>187</v>
      </c>
      <c r="H274" s="3">
        <v>3</v>
      </c>
      <c r="I274" s="3">
        <v>4</v>
      </c>
    </row>
    <row r="275" spans="1:9" x14ac:dyDescent="0.25">
      <c r="A275" s="1" t="s">
        <v>284</v>
      </c>
      <c r="B275" s="2">
        <v>5</v>
      </c>
      <c r="C275" t="s">
        <v>13</v>
      </c>
      <c r="D275" s="2">
        <v>240</v>
      </c>
      <c r="E275">
        <v>2.5</v>
      </c>
      <c r="F275" s="3">
        <v>2.4</v>
      </c>
      <c r="G275">
        <v>83.333333333333329</v>
      </c>
      <c r="H275" s="3">
        <v>3</v>
      </c>
      <c r="I275" s="3">
        <v>3</v>
      </c>
    </row>
    <row r="276" spans="1:9" x14ac:dyDescent="0.25">
      <c r="A276" s="1" t="s">
        <v>285</v>
      </c>
      <c r="B276" s="2">
        <v>12</v>
      </c>
      <c r="C276" t="s">
        <v>13</v>
      </c>
      <c r="D276" s="2">
        <v>240</v>
      </c>
      <c r="E276">
        <v>15</v>
      </c>
      <c r="F276" s="3">
        <v>14.4</v>
      </c>
      <c r="G276">
        <v>6.9444444444444446</v>
      </c>
      <c r="H276" s="3">
        <v>3</v>
      </c>
      <c r="I276" s="3">
        <v>3</v>
      </c>
    </row>
    <row r="277" spans="1:9" x14ac:dyDescent="0.25">
      <c r="A277" s="1" t="s">
        <v>286</v>
      </c>
      <c r="B277" s="2">
        <v>12</v>
      </c>
      <c r="C277" t="s">
        <v>13</v>
      </c>
      <c r="D277" s="2">
        <v>240</v>
      </c>
      <c r="E277">
        <v>15</v>
      </c>
      <c r="F277" s="3">
        <v>14.4</v>
      </c>
      <c r="G277">
        <v>13.888888888888889</v>
      </c>
      <c r="H277" s="3">
        <v>3</v>
      </c>
      <c r="I277" s="3">
        <v>3</v>
      </c>
    </row>
    <row r="278" spans="1:9" x14ac:dyDescent="0.25">
      <c r="A278" s="1" t="s">
        <v>287</v>
      </c>
      <c r="B278" s="2">
        <v>12</v>
      </c>
      <c r="C278" t="s">
        <v>13</v>
      </c>
      <c r="D278" s="2">
        <v>240</v>
      </c>
      <c r="E278">
        <v>15</v>
      </c>
      <c r="F278" s="3">
        <v>14.4</v>
      </c>
      <c r="G278">
        <v>69.444444444444443</v>
      </c>
      <c r="H278" s="3">
        <v>3</v>
      </c>
      <c r="I278" s="3">
        <v>3</v>
      </c>
    </row>
    <row r="279" spans="1:9" x14ac:dyDescent="0.25">
      <c r="A279" s="1" t="s">
        <v>288</v>
      </c>
      <c r="B279" s="2">
        <v>12</v>
      </c>
      <c r="C279" t="s">
        <v>13</v>
      </c>
      <c r="D279" s="2">
        <v>240</v>
      </c>
      <c r="E279">
        <v>15</v>
      </c>
      <c r="F279" s="3">
        <v>14.4</v>
      </c>
      <c r="G279">
        <v>138.88888888888889</v>
      </c>
      <c r="H279" s="3">
        <v>3</v>
      </c>
      <c r="I279" s="3">
        <v>3</v>
      </c>
    </row>
    <row r="280" spans="1:9" x14ac:dyDescent="0.25">
      <c r="A280" s="1" t="s">
        <v>289</v>
      </c>
      <c r="B280" s="2">
        <v>12</v>
      </c>
      <c r="C280" t="s">
        <v>13</v>
      </c>
      <c r="D280" s="2">
        <v>240</v>
      </c>
      <c r="E280">
        <v>30</v>
      </c>
      <c r="F280" s="3">
        <v>28.8</v>
      </c>
      <c r="G280">
        <v>3.4722222222222223</v>
      </c>
      <c r="H280" s="3">
        <v>3</v>
      </c>
      <c r="I280" s="3">
        <v>3</v>
      </c>
    </row>
    <row r="281" spans="1:9" x14ac:dyDescent="0.25">
      <c r="A281" s="1" t="s">
        <v>290</v>
      </c>
      <c r="B281" s="2">
        <v>12</v>
      </c>
      <c r="C281" t="s">
        <v>13</v>
      </c>
      <c r="D281" s="2">
        <v>240</v>
      </c>
      <c r="E281">
        <v>30</v>
      </c>
      <c r="F281" s="3">
        <v>28.8</v>
      </c>
      <c r="G281">
        <v>6.9444444444444446</v>
      </c>
      <c r="H281" s="3">
        <v>3</v>
      </c>
      <c r="I281" s="3">
        <v>3</v>
      </c>
    </row>
    <row r="282" spans="1:9" x14ac:dyDescent="0.25">
      <c r="A282" s="1" t="s">
        <v>291</v>
      </c>
      <c r="B282" s="2">
        <v>12</v>
      </c>
      <c r="C282" t="s">
        <v>13</v>
      </c>
      <c r="D282" s="2">
        <v>240</v>
      </c>
      <c r="E282">
        <v>30</v>
      </c>
      <c r="F282" s="3">
        <v>28.8</v>
      </c>
      <c r="G282">
        <v>34.722222222222221</v>
      </c>
      <c r="H282" s="3">
        <v>3</v>
      </c>
      <c r="I282" s="3">
        <v>3</v>
      </c>
    </row>
    <row r="283" spans="1:9" x14ac:dyDescent="0.25">
      <c r="A283" s="1" t="s">
        <v>292</v>
      </c>
      <c r="B283" s="2">
        <v>12</v>
      </c>
      <c r="C283" t="s">
        <v>13</v>
      </c>
      <c r="D283" s="2">
        <v>240</v>
      </c>
      <c r="E283">
        <v>30</v>
      </c>
      <c r="F283" s="3">
        <v>28.8</v>
      </c>
      <c r="G283">
        <v>69.444444444444443</v>
      </c>
      <c r="H283" s="3">
        <v>3</v>
      </c>
      <c r="I283" s="3">
        <v>3</v>
      </c>
    </row>
    <row r="284" spans="1:9" x14ac:dyDescent="0.25">
      <c r="A284" s="1" t="s">
        <v>293</v>
      </c>
      <c r="B284" s="2">
        <v>12</v>
      </c>
      <c r="C284" t="s">
        <v>13</v>
      </c>
      <c r="D284" s="2">
        <v>240</v>
      </c>
      <c r="E284">
        <v>50</v>
      </c>
      <c r="F284" s="3">
        <v>57.6</v>
      </c>
      <c r="G284">
        <v>3.4722222222222223</v>
      </c>
      <c r="H284" s="3">
        <v>3</v>
      </c>
      <c r="I284" s="3">
        <v>3</v>
      </c>
    </row>
    <row r="285" spans="1:9" x14ac:dyDescent="0.25">
      <c r="A285" s="1" t="s">
        <v>294</v>
      </c>
      <c r="B285" s="2">
        <v>12</v>
      </c>
      <c r="C285" t="s">
        <v>13</v>
      </c>
      <c r="D285" s="2">
        <v>240</v>
      </c>
      <c r="E285">
        <v>50</v>
      </c>
      <c r="F285" s="3">
        <v>57.6</v>
      </c>
      <c r="G285">
        <v>34.722222222222221</v>
      </c>
      <c r="H285" s="3">
        <v>3</v>
      </c>
      <c r="I285" s="3">
        <v>3</v>
      </c>
    </row>
    <row r="286" spans="1:9" x14ac:dyDescent="0.25">
      <c r="A286" s="1" t="s">
        <v>295</v>
      </c>
      <c r="B286" s="2">
        <v>6</v>
      </c>
      <c r="C286" t="s">
        <v>13</v>
      </c>
      <c r="D286" s="2">
        <v>120</v>
      </c>
      <c r="E286">
        <v>2.5</v>
      </c>
      <c r="F286" s="3">
        <v>1.8</v>
      </c>
      <c r="G286">
        <v>55.555555555555557</v>
      </c>
      <c r="H286" s="3">
        <v>3</v>
      </c>
      <c r="I286" s="3">
        <v>4</v>
      </c>
    </row>
    <row r="287" spans="1:9" x14ac:dyDescent="0.25">
      <c r="A287" s="1" t="s">
        <v>296</v>
      </c>
      <c r="B287" s="2">
        <v>6</v>
      </c>
      <c r="C287" t="s">
        <v>13</v>
      </c>
      <c r="D287" s="2">
        <v>120</v>
      </c>
      <c r="E287">
        <v>2.5</v>
      </c>
      <c r="F287" s="3">
        <v>1.8</v>
      </c>
      <c r="G287">
        <v>111.11111111111111</v>
      </c>
      <c r="H287" s="3">
        <v>3</v>
      </c>
      <c r="I287" s="3">
        <v>4</v>
      </c>
    </row>
    <row r="288" spans="1:9" x14ac:dyDescent="0.25">
      <c r="A288" s="1" t="s">
        <v>297</v>
      </c>
      <c r="B288" s="2">
        <v>9</v>
      </c>
      <c r="C288" t="s">
        <v>13</v>
      </c>
      <c r="D288" s="2">
        <v>120</v>
      </c>
      <c r="E288">
        <v>2.5</v>
      </c>
      <c r="F288" s="3">
        <v>1.8</v>
      </c>
      <c r="G288">
        <v>55.555555555555557</v>
      </c>
      <c r="H288" s="3">
        <v>3</v>
      </c>
      <c r="I288" s="3">
        <v>4</v>
      </c>
    </row>
    <row r="289" spans="1:9" x14ac:dyDescent="0.25">
      <c r="A289" s="1" t="s">
        <v>298</v>
      </c>
      <c r="B289" s="2">
        <v>9</v>
      </c>
      <c r="C289" t="s">
        <v>13</v>
      </c>
      <c r="D289" s="2">
        <v>120</v>
      </c>
      <c r="E289">
        <v>2.5</v>
      </c>
      <c r="F289" s="3">
        <v>1.8</v>
      </c>
      <c r="G289">
        <v>111.11111111111111</v>
      </c>
      <c r="H289" s="3">
        <v>3</v>
      </c>
      <c r="I289" s="3">
        <v>4</v>
      </c>
    </row>
    <row r="290" spans="1:9" x14ac:dyDescent="0.25">
      <c r="A290" s="1" t="s">
        <v>299</v>
      </c>
      <c r="B290" s="2">
        <v>14</v>
      </c>
      <c r="C290" t="s">
        <v>13</v>
      </c>
      <c r="D290" s="2">
        <v>120</v>
      </c>
      <c r="E290">
        <v>15</v>
      </c>
      <c r="F290" s="3">
        <v>10.8</v>
      </c>
      <c r="G290">
        <v>9.1851851851851851</v>
      </c>
      <c r="H290" s="3">
        <v>3</v>
      </c>
      <c r="I290" s="3">
        <v>4</v>
      </c>
    </row>
    <row r="291" spans="1:9" x14ac:dyDescent="0.25">
      <c r="A291" s="1" t="s">
        <v>300</v>
      </c>
      <c r="B291" s="2">
        <v>14</v>
      </c>
      <c r="C291" t="s">
        <v>13</v>
      </c>
      <c r="D291" s="2">
        <v>120</v>
      </c>
      <c r="E291">
        <v>15</v>
      </c>
      <c r="F291" s="3">
        <v>10.8</v>
      </c>
      <c r="G291">
        <v>18.518518518518519</v>
      </c>
      <c r="H291" s="3">
        <v>3</v>
      </c>
      <c r="I291" s="3">
        <v>4</v>
      </c>
    </row>
    <row r="292" spans="1:9" x14ac:dyDescent="0.25">
      <c r="A292" s="1" t="s">
        <v>301</v>
      </c>
      <c r="B292" s="2">
        <v>14</v>
      </c>
      <c r="C292" t="s">
        <v>13</v>
      </c>
      <c r="D292" s="2">
        <v>120</v>
      </c>
      <c r="E292">
        <v>15</v>
      </c>
      <c r="F292" s="3">
        <v>10.8</v>
      </c>
      <c r="G292">
        <v>185.18518518518519</v>
      </c>
      <c r="H292" s="3">
        <v>3</v>
      </c>
      <c r="I292" s="3">
        <v>4</v>
      </c>
    </row>
    <row r="293" spans="1:9" x14ac:dyDescent="0.25">
      <c r="A293" s="1" t="s">
        <v>302</v>
      </c>
      <c r="B293" s="2">
        <v>14</v>
      </c>
      <c r="C293" t="s">
        <v>13</v>
      </c>
      <c r="D293" s="2">
        <v>120</v>
      </c>
      <c r="E293">
        <v>30</v>
      </c>
      <c r="F293" s="3">
        <v>21.6</v>
      </c>
      <c r="G293">
        <v>4.6296296296296298</v>
      </c>
      <c r="H293" s="3">
        <v>3</v>
      </c>
      <c r="I293" s="3">
        <v>4</v>
      </c>
    </row>
    <row r="294" spans="1:9" x14ac:dyDescent="0.25">
      <c r="A294" s="1" t="s">
        <v>303</v>
      </c>
      <c r="B294" s="2">
        <v>14</v>
      </c>
      <c r="C294" t="s">
        <v>13</v>
      </c>
      <c r="D294" s="2">
        <v>120</v>
      </c>
      <c r="E294">
        <v>30</v>
      </c>
      <c r="F294" s="3">
        <v>21.6</v>
      </c>
      <c r="G294">
        <v>9.2592592592592595</v>
      </c>
      <c r="H294" s="3">
        <v>3</v>
      </c>
      <c r="I294" s="3">
        <v>4</v>
      </c>
    </row>
    <row r="295" spans="1:9" x14ac:dyDescent="0.25">
      <c r="A295" s="1" t="s">
        <v>304</v>
      </c>
      <c r="B295" s="2">
        <v>14</v>
      </c>
      <c r="C295" t="s">
        <v>13</v>
      </c>
      <c r="D295" s="2">
        <v>120</v>
      </c>
      <c r="E295">
        <v>30</v>
      </c>
      <c r="F295" s="3">
        <v>21.6</v>
      </c>
      <c r="G295">
        <v>46.296296296296298</v>
      </c>
      <c r="H295" s="3">
        <v>3</v>
      </c>
      <c r="I295" s="3">
        <v>4</v>
      </c>
    </row>
    <row r="296" spans="1:9" x14ac:dyDescent="0.25">
      <c r="A296" s="1" t="s">
        <v>305</v>
      </c>
      <c r="B296" s="2">
        <v>14</v>
      </c>
      <c r="C296" t="s">
        <v>13</v>
      </c>
      <c r="D296" s="2">
        <v>120</v>
      </c>
      <c r="E296">
        <v>30</v>
      </c>
      <c r="F296" s="3">
        <v>21.6</v>
      </c>
      <c r="G296">
        <v>92.592592592592595</v>
      </c>
      <c r="H296" s="3">
        <v>3</v>
      </c>
      <c r="I296" s="3">
        <v>4</v>
      </c>
    </row>
    <row r="297" spans="1:9" x14ac:dyDescent="0.25">
      <c r="A297" s="1" t="s">
        <v>306</v>
      </c>
      <c r="B297" s="2">
        <v>16</v>
      </c>
      <c r="C297" t="s">
        <v>13</v>
      </c>
      <c r="D297" s="2">
        <v>120</v>
      </c>
      <c r="E297">
        <v>15</v>
      </c>
      <c r="F297" s="3">
        <v>10.8</v>
      </c>
      <c r="G297">
        <v>9.2592592592592595</v>
      </c>
      <c r="H297" s="3">
        <v>3</v>
      </c>
      <c r="I297" s="3">
        <v>4</v>
      </c>
    </row>
    <row r="298" spans="1:9" x14ac:dyDescent="0.25">
      <c r="A298" s="1" t="s">
        <v>307</v>
      </c>
      <c r="B298" s="2">
        <v>9</v>
      </c>
      <c r="C298" t="s">
        <v>13</v>
      </c>
      <c r="D298" s="2">
        <v>277</v>
      </c>
      <c r="E298">
        <v>2.5</v>
      </c>
      <c r="F298" s="3">
        <v>3.6</v>
      </c>
      <c r="G298">
        <v>166.66666666666666</v>
      </c>
      <c r="H298" s="3">
        <v>3</v>
      </c>
      <c r="I298" s="3">
        <v>4</v>
      </c>
    </row>
    <row r="299" spans="1:9" x14ac:dyDescent="0.25">
      <c r="A299" s="1" t="s">
        <v>308</v>
      </c>
      <c r="B299" s="2">
        <v>6</v>
      </c>
      <c r="C299" t="s">
        <v>13</v>
      </c>
      <c r="D299" s="2">
        <v>277</v>
      </c>
      <c r="E299">
        <v>5</v>
      </c>
      <c r="F299" s="3">
        <v>3.6</v>
      </c>
      <c r="G299" t="s">
        <v>187</v>
      </c>
      <c r="H299" s="3">
        <v>3</v>
      </c>
      <c r="I299" s="3">
        <v>4</v>
      </c>
    </row>
    <row r="300" spans="1:9" x14ac:dyDescent="0.25">
      <c r="A300" s="1" t="s">
        <v>309</v>
      </c>
      <c r="B300" s="2">
        <v>8</v>
      </c>
      <c r="C300" t="s">
        <v>22</v>
      </c>
      <c r="D300" s="2">
        <v>120</v>
      </c>
      <c r="E300">
        <v>2.5</v>
      </c>
      <c r="F300" s="3">
        <v>0.1</v>
      </c>
      <c r="G300" t="s">
        <v>187</v>
      </c>
      <c r="H300" s="3">
        <v>3</v>
      </c>
      <c r="I300" s="3">
        <v>4</v>
      </c>
    </row>
    <row r="301" spans="1:9" x14ac:dyDescent="0.25">
      <c r="A301" s="1" t="s">
        <v>310</v>
      </c>
      <c r="B301" s="2">
        <v>15</v>
      </c>
      <c r="C301" t="s">
        <v>13</v>
      </c>
      <c r="D301" s="2">
        <v>240</v>
      </c>
      <c r="E301">
        <v>45</v>
      </c>
      <c r="F301" s="3">
        <v>3</v>
      </c>
      <c r="G301" t="s">
        <v>187</v>
      </c>
      <c r="H301" s="3">
        <v>3</v>
      </c>
      <c r="I301" s="3">
        <v>4</v>
      </c>
    </row>
    <row r="302" spans="1:9" x14ac:dyDescent="0.25">
      <c r="A302" s="1" t="s">
        <v>311</v>
      </c>
      <c r="B302" s="2">
        <v>16</v>
      </c>
      <c r="C302" t="s">
        <v>13</v>
      </c>
      <c r="D302" s="2">
        <v>120</v>
      </c>
      <c r="E302">
        <v>45</v>
      </c>
      <c r="F302" s="3">
        <v>2.25</v>
      </c>
      <c r="G302" t="s">
        <v>187</v>
      </c>
      <c r="H302" s="3">
        <v>3</v>
      </c>
      <c r="I302" s="3">
        <v>4</v>
      </c>
    </row>
    <row r="303" spans="1:9" x14ac:dyDescent="0.25">
      <c r="A303" s="1" t="s">
        <v>312</v>
      </c>
      <c r="B303" s="2">
        <v>29</v>
      </c>
      <c r="C303" t="s">
        <v>13</v>
      </c>
      <c r="D303" s="2">
        <v>120</v>
      </c>
      <c r="E303">
        <v>2.5</v>
      </c>
      <c r="F303" s="3">
        <v>0.15</v>
      </c>
      <c r="G303" t="s">
        <v>187</v>
      </c>
      <c r="H303" s="3">
        <v>3</v>
      </c>
      <c r="I303" s="3">
        <v>4</v>
      </c>
    </row>
    <row r="304" spans="1:9" x14ac:dyDescent="0.25">
      <c r="A304" s="1" t="s">
        <v>313</v>
      </c>
      <c r="B304" s="2">
        <v>2</v>
      </c>
      <c r="C304" t="s">
        <v>13</v>
      </c>
      <c r="D304" s="2">
        <v>240</v>
      </c>
      <c r="E304">
        <v>45</v>
      </c>
      <c r="F304" s="3">
        <v>0.75</v>
      </c>
      <c r="G304" t="s">
        <v>187</v>
      </c>
      <c r="H304" s="3">
        <v>1</v>
      </c>
      <c r="I304" s="3">
        <v>3</v>
      </c>
    </row>
    <row r="305" spans="1:9" x14ac:dyDescent="0.25">
      <c r="A305" s="1" t="s">
        <v>314</v>
      </c>
      <c r="B305" s="2">
        <v>16</v>
      </c>
      <c r="C305" t="s">
        <v>13</v>
      </c>
      <c r="D305" s="2">
        <v>120</v>
      </c>
      <c r="E305">
        <v>45</v>
      </c>
      <c r="F305" s="3">
        <v>1.8</v>
      </c>
      <c r="G305" t="s">
        <v>187</v>
      </c>
      <c r="H305" s="3">
        <v>3</v>
      </c>
      <c r="I305" s="3">
        <v>4</v>
      </c>
    </row>
    <row r="306" spans="1:9" x14ac:dyDescent="0.25">
      <c r="A306" s="1" t="s">
        <v>315</v>
      </c>
      <c r="B306" s="2">
        <v>29</v>
      </c>
      <c r="C306" t="s">
        <v>13</v>
      </c>
      <c r="D306" s="2">
        <v>277</v>
      </c>
      <c r="E306">
        <v>2.5</v>
      </c>
      <c r="F306" s="3">
        <v>0.3</v>
      </c>
      <c r="G306" t="s">
        <v>187</v>
      </c>
      <c r="H306" s="3">
        <v>3</v>
      </c>
      <c r="I306" s="3">
        <v>4</v>
      </c>
    </row>
    <row r="307" spans="1:9" x14ac:dyDescent="0.25">
      <c r="A307" s="1" t="s">
        <v>316</v>
      </c>
      <c r="B307" s="2">
        <v>5</v>
      </c>
      <c r="C307" t="s">
        <v>22</v>
      </c>
      <c r="D307" s="2">
        <v>120</v>
      </c>
      <c r="E307">
        <v>2.5</v>
      </c>
      <c r="F307" s="3">
        <v>0.1</v>
      </c>
      <c r="G307" t="s">
        <v>187</v>
      </c>
      <c r="H307" s="3">
        <v>3</v>
      </c>
      <c r="I307" s="3">
        <v>3</v>
      </c>
    </row>
    <row r="308" spans="1:9" x14ac:dyDescent="0.25">
      <c r="A308" s="1" t="s">
        <v>317</v>
      </c>
      <c r="B308" s="2">
        <v>16</v>
      </c>
      <c r="C308" t="s">
        <v>13</v>
      </c>
      <c r="D308" s="2">
        <v>120</v>
      </c>
      <c r="E308">
        <v>15</v>
      </c>
      <c r="F308" s="3">
        <v>10.8</v>
      </c>
      <c r="G308">
        <v>18.518518518518519</v>
      </c>
      <c r="H308" s="3">
        <v>3</v>
      </c>
      <c r="I308" s="3">
        <v>4</v>
      </c>
    </row>
    <row r="309" spans="1:9" x14ac:dyDescent="0.25">
      <c r="A309" s="1" t="s">
        <v>318</v>
      </c>
      <c r="B309" s="2">
        <v>16</v>
      </c>
      <c r="C309" t="s">
        <v>13</v>
      </c>
      <c r="D309" s="2">
        <v>120</v>
      </c>
      <c r="E309">
        <v>15</v>
      </c>
      <c r="F309" s="3">
        <v>10.8</v>
      </c>
      <c r="G309">
        <v>185.18518518518519</v>
      </c>
      <c r="H309" s="3">
        <v>3</v>
      </c>
      <c r="I309" s="3">
        <v>4</v>
      </c>
    </row>
    <row r="310" spans="1:9" x14ac:dyDescent="0.25">
      <c r="A310" s="1" t="s">
        <v>319</v>
      </c>
      <c r="B310" s="2">
        <v>16</v>
      </c>
      <c r="C310" t="s">
        <v>13</v>
      </c>
      <c r="D310" s="2">
        <v>120</v>
      </c>
      <c r="E310">
        <v>30</v>
      </c>
      <c r="F310" s="3">
        <v>21.6</v>
      </c>
      <c r="G310">
        <v>4.6296296296296298</v>
      </c>
      <c r="H310" s="3">
        <v>3</v>
      </c>
      <c r="I310" s="3">
        <v>4</v>
      </c>
    </row>
    <row r="311" spans="1:9" x14ac:dyDescent="0.25">
      <c r="A311" s="1" t="s">
        <v>320</v>
      </c>
      <c r="B311" s="2">
        <v>16</v>
      </c>
      <c r="C311" t="s">
        <v>13</v>
      </c>
      <c r="D311" s="2">
        <v>120</v>
      </c>
      <c r="E311">
        <v>30</v>
      </c>
      <c r="F311" s="3">
        <v>21.6</v>
      </c>
      <c r="G311">
        <v>9.2592592592592595</v>
      </c>
      <c r="H311" s="3">
        <v>3</v>
      </c>
      <c r="I311" s="3">
        <v>4</v>
      </c>
    </row>
    <row r="312" spans="1:9" x14ac:dyDescent="0.25">
      <c r="A312" s="1" t="s">
        <v>321</v>
      </c>
      <c r="B312" s="2">
        <v>16</v>
      </c>
      <c r="C312" t="s">
        <v>13</v>
      </c>
      <c r="D312" s="2">
        <v>120</v>
      </c>
      <c r="E312">
        <v>30</v>
      </c>
      <c r="F312" s="3">
        <v>21.6</v>
      </c>
      <c r="G312">
        <v>46.296296296296298</v>
      </c>
      <c r="H312" s="3">
        <v>3</v>
      </c>
      <c r="I312" s="3">
        <v>4</v>
      </c>
    </row>
    <row r="313" spans="1:9" x14ac:dyDescent="0.25">
      <c r="A313" s="1" t="s">
        <v>322</v>
      </c>
      <c r="B313" s="2">
        <v>16</v>
      </c>
      <c r="C313" t="s">
        <v>13</v>
      </c>
      <c r="D313" s="2">
        <v>120</v>
      </c>
      <c r="E313">
        <v>30</v>
      </c>
      <c r="F313" s="3">
        <v>21.6</v>
      </c>
      <c r="G313">
        <v>92.592592592592595</v>
      </c>
      <c r="H313" s="3">
        <v>3</v>
      </c>
      <c r="I313" s="3">
        <v>4</v>
      </c>
    </row>
    <row r="314" spans="1:9" x14ac:dyDescent="0.25">
      <c r="A314" s="1" t="s">
        <v>323</v>
      </c>
      <c r="B314" s="2">
        <v>16</v>
      </c>
      <c r="C314" t="s">
        <v>13</v>
      </c>
      <c r="D314" s="2">
        <v>120</v>
      </c>
      <c r="E314">
        <v>50</v>
      </c>
      <c r="F314" s="3">
        <v>43.2</v>
      </c>
      <c r="G314">
        <v>46.296296296296298</v>
      </c>
      <c r="H314" s="3">
        <v>3</v>
      </c>
      <c r="I314" s="3">
        <v>4</v>
      </c>
    </row>
    <row r="315" spans="1:9" x14ac:dyDescent="0.25">
      <c r="A315" s="1" t="s">
        <v>324</v>
      </c>
      <c r="B315" s="2">
        <v>6</v>
      </c>
      <c r="C315" t="s">
        <v>13</v>
      </c>
      <c r="D315" s="2">
        <v>277</v>
      </c>
      <c r="E315">
        <v>2.5</v>
      </c>
      <c r="F315" s="3">
        <v>3.6</v>
      </c>
      <c r="G315">
        <v>55.555555555555557</v>
      </c>
      <c r="H315" s="3">
        <v>3</v>
      </c>
      <c r="I315" s="3">
        <v>4</v>
      </c>
    </row>
    <row r="316" spans="1:9" x14ac:dyDescent="0.25">
      <c r="A316" s="1" t="s">
        <v>325</v>
      </c>
      <c r="B316" s="2">
        <v>9</v>
      </c>
      <c r="C316" t="s">
        <v>13</v>
      </c>
      <c r="D316" s="2">
        <v>277</v>
      </c>
      <c r="E316">
        <v>2.5</v>
      </c>
      <c r="F316" s="3">
        <v>3.6</v>
      </c>
      <c r="G316">
        <v>55.555555555555557</v>
      </c>
      <c r="H316" s="3">
        <v>3</v>
      </c>
      <c r="I316" s="3">
        <v>4</v>
      </c>
    </row>
    <row r="317" spans="1:9" x14ac:dyDescent="0.25">
      <c r="A317" s="1" t="s">
        <v>326</v>
      </c>
      <c r="B317" s="2">
        <v>14</v>
      </c>
      <c r="C317" t="s">
        <v>13</v>
      </c>
      <c r="D317" s="2">
        <v>277</v>
      </c>
      <c r="E317">
        <v>15</v>
      </c>
      <c r="F317" s="3">
        <v>21.6</v>
      </c>
      <c r="G317">
        <v>9.2592592592592595</v>
      </c>
      <c r="H317" s="3">
        <v>3</v>
      </c>
      <c r="I317" s="3">
        <v>4</v>
      </c>
    </row>
    <row r="318" spans="1:9" x14ac:dyDescent="0.25">
      <c r="A318" s="1" t="s">
        <v>327</v>
      </c>
      <c r="B318" s="2">
        <v>14</v>
      </c>
      <c r="C318" t="s">
        <v>13</v>
      </c>
      <c r="D318" s="2">
        <v>277</v>
      </c>
      <c r="E318">
        <v>15</v>
      </c>
      <c r="F318" s="3">
        <v>21.6</v>
      </c>
      <c r="G318">
        <v>92.592592592592595</v>
      </c>
      <c r="H318" s="3">
        <v>3</v>
      </c>
      <c r="I318" s="3">
        <v>4</v>
      </c>
    </row>
    <row r="319" spans="1:9" x14ac:dyDescent="0.25">
      <c r="A319" s="1" t="s">
        <v>328</v>
      </c>
      <c r="B319" s="2">
        <v>14</v>
      </c>
      <c r="C319" t="s">
        <v>13</v>
      </c>
      <c r="D319" s="2">
        <v>277</v>
      </c>
      <c r="E319">
        <v>30</v>
      </c>
      <c r="F319" s="3">
        <v>43.2</v>
      </c>
      <c r="G319">
        <v>4.6296296296296298</v>
      </c>
      <c r="H319" s="3">
        <v>3</v>
      </c>
      <c r="I319" s="3">
        <v>4</v>
      </c>
    </row>
    <row r="320" spans="1:9" x14ac:dyDescent="0.25">
      <c r="A320" s="1" t="s">
        <v>329</v>
      </c>
      <c r="B320" s="2">
        <v>14</v>
      </c>
      <c r="C320" t="s">
        <v>13</v>
      </c>
      <c r="D320" s="2">
        <v>277</v>
      </c>
      <c r="E320">
        <v>30</v>
      </c>
      <c r="F320" s="3">
        <v>43.2</v>
      </c>
      <c r="G320">
        <v>46.296296296296298</v>
      </c>
      <c r="H320" s="3">
        <v>3</v>
      </c>
      <c r="I320" s="3">
        <v>4</v>
      </c>
    </row>
    <row r="321" spans="1:9" x14ac:dyDescent="0.25">
      <c r="A321" s="1" t="s">
        <v>330</v>
      </c>
      <c r="B321" s="2">
        <v>16</v>
      </c>
      <c r="C321" t="s">
        <v>13</v>
      </c>
      <c r="D321" s="2">
        <v>277</v>
      </c>
      <c r="E321">
        <v>15</v>
      </c>
      <c r="F321" s="3">
        <v>21.6</v>
      </c>
      <c r="G321">
        <v>9.2592592592592595</v>
      </c>
      <c r="H321" s="3">
        <v>3</v>
      </c>
      <c r="I321" s="3">
        <v>4</v>
      </c>
    </row>
    <row r="322" spans="1:9" x14ac:dyDescent="0.25">
      <c r="A322" s="1" t="s">
        <v>331</v>
      </c>
      <c r="B322" s="2">
        <v>16</v>
      </c>
      <c r="C322" t="s">
        <v>13</v>
      </c>
      <c r="D322" s="2">
        <v>277</v>
      </c>
      <c r="E322">
        <v>15</v>
      </c>
      <c r="F322" s="3">
        <v>21.6</v>
      </c>
      <c r="G322">
        <v>92.592592592592595</v>
      </c>
      <c r="H322" s="3">
        <v>3</v>
      </c>
      <c r="I322" s="3">
        <v>4</v>
      </c>
    </row>
    <row r="323" spans="1:9" x14ac:dyDescent="0.25">
      <c r="A323" s="1" t="s">
        <v>332</v>
      </c>
      <c r="B323" s="2">
        <v>16</v>
      </c>
      <c r="C323" t="s">
        <v>13</v>
      </c>
      <c r="D323" s="2">
        <v>277</v>
      </c>
      <c r="E323">
        <v>30</v>
      </c>
      <c r="F323" s="3">
        <v>43.2</v>
      </c>
      <c r="G323">
        <v>4.6296296296296298</v>
      </c>
      <c r="H323" s="3">
        <v>3</v>
      </c>
      <c r="I323" s="3">
        <v>4</v>
      </c>
    </row>
    <row r="324" spans="1:9" x14ac:dyDescent="0.25">
      <c r="A324" s="1" t="s">
        <v>333</v>
      </c>
      <c r="B324" s="2">
        <v>16</v>
      </c>
      <c r="C324" t="s">
        <v>13</v>
      </c>
      <c r="D324" s="2">
        <v>277</v>
      </c>
      <c r="E324">
        <v>30</v>
      </c>
      <c r="F324" s="3">
        <v>43.2</v>
      </c>
      <c r="G324">
        <v>46.296296296296298</v>
      </c>
      <c r="H324" s="3">
        <v>3</v>
      </c>
      <c r="I324" s="3">
        <v>4</v>
      </c>
    </row>
    <row r="325" spans="1:9" x14ac:dyDescent="0.25">
      <c r="A325" s="1" t="s">
        <v>334</v>
      </c>
      <c r="B325" s="2">
        <v>16</v>
      </c>
      <c r="C325" t="s">
        <v>13</v>
      </c>
      <c r="D325" s="2">
        <v>277</v>
      </c>
      <c r="E325">
        <v>50</v>
      </c>
      <c r="F325" s="3">
        <v>86.4</v>
      </c>
      <c r="G325">
        <v>23.148148148148149</v>
      </c>
      <c r="H325" s="3">
        <v>3</v>
      </c>
      <c r="I325" s="3">
        <v>4</v>
      </c>
    </row>
    <row r="326" spans="1:9" x14ac:dyDescent="0.25">
      <c r="A326" s="1" t="s">
        <v>335</v>
      </c>
      <c r="B326" s="2">
        <v>5</v>
      </c>
      <c r="C326" t="s">
        <v>13</v>
      </c>
      <c r="D326" s="2">
        <v>240</v>
      </c>
      <c r="E326">
        <v>2.5</v>
      </c>
      <c r="F326" s="3">
        <v>2.4</v>
      </c>
      <c r="G326">
        <v>83.333333333333329</v>
      </c>
      <c r="H326" s="3">
        <v>2</v>
      </c>
      <c r="I326" s="3">
        <v>4</v>
      </c>
    </row>
    <row r="327" spans="1:9" x14ac:dyDescent="0.25">
      <c r="A327" s="1" t="s">
        <v>336</v>
      </c>
      <c r="B327" s="2">
        <v>8</v>
      </c>
      <c r="C327" t="s">
        <v>13</v>
      </c>
      <c r="D327" s="2">
        <v>240</v>
      </c>
      <c r="E327">
        <v>2.5</v>
      </c>
      <c r="F327" s="3">
        <v>2.4</v>
      </c>
      <c r="G327">
        <v>41.666666666666664</v>
      </c>
      <c r="H327" s="3">
        <v>3</v>
      </c>
      <c r="I327" s="3">
        <v>4</v>
      </c>
    </row>
    <row r="328" spans="1:9" x14ac:dyDescent="0.25">
      <c r="A328" s="1" t="s">
        <v>337</v>
      </c>
      <c r="B328" s="2">
        <v>8</v>
      </c>
      <c r="C328" t="s">
        <v>13</v>
      </c>
      <c r="D328" s="2">
        <v>240</v>
      </c>
      <c r="E328">
        <v>2.5</v>
      </c>
      <c r="F328" s="3">
        <v>2.4</v>
      </c>
      <c r="G328">
        <v>83.333333333333329</v>
      </c>
      <c r="H328" s="3">
        <v>3</v>
      </c>
      <c r="I328" s="3">
        <v>4</v>
      </c>
    </row>
    <row r="329" spans="1:9" x14ac:dyDescent="0.25">
      <c r="A329" s="1" t="s">
        <v>338</v>
      </c>
      <c r="B329" s="2">
        <v>15</v>
      </c>
      <c r="C329" t="s">
        <v>13</v>
      </c>
      <c r="D329" s="2">
        <v>240</v>
      </c>
      <c r="E329">
        <v>15</v>
      </c>
      <c r="F329" s="3">
        <v>14.4</v>
      </c>
      <c r="G329">
        <v>6.9444444444444446</v>
      </c>
      <c r="H329" s="3">
        <v>3</v>
      </c>
      <c r="I329" s="3">
        <v>4</v>
      </c>
    </row>
    <row r="330" spans="1:9" x14ac:dyDescent="0.25">
      <c r="A330" s="1" t="s">
        <v>339</v>
      </c>
      <c r="B330" s="2">
        <v>15</v>
      </c>
      <c r="C330" t="s">
        <v>13</v>
      </c>
      <c r="D330" s="2">
        <v>240</v>
      </c>
      <c r="E330">
        <v>15</v>
      </c>
      <c r="F330" s="3">
        <v>14.4</v>
      </c>
      <c r="G330">
        <v>13.888888888888889</v>
      </c>
      <c r="H330" s="3">
        <v>3</v>
      </c>
      <c r="I330" s="3">
        <v>4</v>
      </c>
    </row>
    <row r="331" spans="1:9" x14ac:dyDescent="0.25">
      <c r="A331" s="1" t="s">
        <v>340</v>
      </c>
      <c r="B331" s="2">
        <v>15</v>
      </c>
      <c r="C331" t="s">
        <v>13</v>
      </c>
      <c r="D331" s="2">
        <v>240</v>
      </c>
      <c r="E331">
        <v>15</v>
      </c>
      <c r="F331" s="3">
        <v>14.4</v>
      </c>
      <c r="G331">
        <v>69.444444444444443</v>
      </c>
      <c r="H331" s="3">
        <v>3</v>
      </c>
      <c r="I331" s="3">
        <v>4</v>
      </c>
    </row>
    <row r="332" spans="1:9" x14ac:dyDescent="0.25">
      <c r="A332" s="1" t="s">
        <v>341</v>
      </c>
      <c r="B332" s="2">
        <v>15</v>
      </c>
      <c r="C332" t="s">
        <v>13</v>
      </c>
      <c r="D332" s="2">
        <v>240</v>
      </c>
      <c r="E332">
        <v>15</v>
      </c>
      <c r="F332" s="3">
        <v>14.4</v>
      </c>
      <c r="G332">
        <v>138.88888888888889</v>
      </c>
      <c r="H332" s="3">
        <v>3</v>
      </c>
      <c r="I332" s="3">
        <v>4</v>
      </c>
    </row>
    <row r="333" spans="1:9" x14ac:dyDescent="0.25">
      <c r="A333" s="1" t="s">
        <v>342</v>
      </c>
      <c r="B333" s="2">
        <v>15</v>
      </c>
      <c r="C333" t="s">
        <v>13</v>
      </c>
      <c r="D333" s="2">
        <v>240</v>
      </c>
      <c r="E333">
        <v>30</v>
      </c>
      <c r="F333" s="3">
        <v>28.8</v>
      </c>
      <c r="G333">
        <v>3.4722222222222223</v>
      </c>
      <c r="H333" s="3">
        <v>3</v>
      </c>
      <c r="I333" s="3">
        <v>4</v>
      </c>
    </row>
    <row r="334" spans="1:9" x14ac:dyDescent="0.25">
      <c r="A334" s="1" t="s">
        <v>343</v>
      </c>
      <c r="B334" s="2">
        <v>9</v>
      </c>
      <c r="C334" t="s">
        <v>22</v>
      </c>
      <c r="D334" s="2">
        <v>120</v>
      </c>
      <c r="E334">
        <v>2.5</v>
      </c>
      <c r="F334" s="3">
        <v>0.15</v>
      </c>
      <c r="G334" t="s">
        <v>187</v>
      </c>
      <c r="H334" s="3">
        <v>3</v>
      </c>
      <c r="I334" s="3">
        <v>4</v>
      </c>
    </row>
    <row r="335" spans="1:9" x14ac:dyDescent="0.25">
      <c r="A335" s="1" t="s">
        <v>344</v>
      </c>
      <c r="B335" s="2">
        <v>5</v>
      </c>
      <c r="C335" t="s">
        <v>22</v>
      </c>
      <c r="D335" s="2">
        <v>240</v>
      </c>
      <c r="E335">
        <v>2.5</v>
      </c>
      <c r="F335" s="3">
        <v>0.2</v>
      </c>
      <c r="G335" t="s">
        <v>187</v>
      </c>
      <c r="H335" s="3">
        <v>3</v>
      </c>
      <c r="I335" s="3">
        <v>3</v>
      </c>
    </row>
    <row r="336" spans="1:9" x14ac:dyDescent="0.25">
      <c r="A336" s="1" t="s">
        <v>345</v>
      </c>
      <c r="B336" s="2">
        <v>0</v>
      </c>
      <c r="C336" t="s">
        <v>27</v>
      </c>
      <c r="D336" s="2">
        <v>120</v>
      </c>
      <c r="E336">
        <v>2.5</v>
      </c>
      <c r="F336" s="3">
        <v>0.1</v>
      </c>
      <c r="G336" t="s">
        <v>187</v>
      </c>
      <c r="H336" s="3">
        <v>3</v>
      </c>
      <c r="I336" s="3">
        <v>3</v>
      </c>
    </row>
    <row r="337" spans="1:9" x14ac:dyDescent="0.25">
      <c r="A337" s="1" t="s">
        <v>346</v>
      </c>
      <c r="B337" s="2">
        <v>17</v>
      </c>
      <c r="C337" t="s">
        <v>13</v>
      </c>
      <c r="D337" s="2">
        <v>240</v>
      </c>
      <c r="E337">
        <v>30</v>
      </c>
      <c r="F337" s="3">
        <v>21.6</v>
      </c>
      <c r="G337" t="s">
        <v>187</v>
      </c>
      <c r="H337" s="3">
        <v>3</v>
      </c>
      <c r="I337" s="3">
        <v>4</v>
      </c>
    </row>
    <row r="338" spans="1:9" x14ac:dyDescent="0.25">
      <c r="A338" s="1" t="s">
        <v>347</v>
      </c>
      <c r="B338" s="2">
        <v>16</v>
      </c>
      <c r="C338" t="s">
        <v>13</v>
      </c>
      <c r="D338" s="2">
        <v>277</v>
      </c>
      <c r="E338">
        <v>30</v>
      </c>
      <c r="F338" s="3">
        <v>21.6</v>
      </c>
      <c r="G338" t="s">
        <v>187</v>
      </c>
      <c r="H338" s="3">
        <v>3</v>
      </c>
      <c r="I338" s="3">
        <v>4</v>
      </c>
    </row>
    <row r="339" spans="1:9" x14ac:dyDescent="0.25">
      <c r="A339" s="1" t="s">
        <v>348</v>
      </c>
      <c r="B339" s="2">
        <v>9</v>
      </c>
      <c r="C339" t="s">
        <v>13</v>
      </c>
      <c r="D339" s="2">
        <v>277</v>
      </c>
      <c r="E339">
        <v>2.5</v>
      </c>
      <c r="F339" s="3">
        <v>1.8</v>
      </c>
      <c r="G339" t="s">
        <v>187</v>
      </c>
      <c r="H339" s="3">
        <v>3</v>
      </c>
      <c r="I339" s="3">
        <v>4</v>
      </c>
    </row>
    <row r="340" spans="1:9" x14ac:dyDescent="0.25">
      <c r="A340" s="1" t="s">
        <v>349</v>
      </c>
      <c r="B340" s="2">
        <v>11</v>
      </c>
      <c r="C340" t="s">
        <v>13</v>
      </c>
      <c r="D340" s="2">
        <v>240</v>
      </c>
      <c r="E340">
        <v>2.5</v>
      </c>
      <c r="F340" s="3">
        <v>1.8</v>
      </c>
      <c r="G340" t="s">
        <v>187</v>
      </c>
      <c r="H340" s="3">
        <v>3</v>
      </c>
      <c r="I340" s="3">
        <v>4</v>
      </c>
    </row>
    <row r="341" spans="1:9" x14ac:dyDescent="0.25">
      <c r="A341" s="1" t="s">
        <v>350</v>
      </c>
      <c r="B341" s="2">
        <v>6</v>
      </c>
      <c r="C341" t="s">
        <v>13</v>
      </c>
      <c r="D341" s="2">
        <v>277</v>
      </c>
      <c r="E341">
        <v>2.5</v>
      </c>
      <c r="F341" s="3">
        <v>1.8</v>
      </c>
      <c r="G341" t="s">
        <v>187</v>
      </c>
      <c r="H341" s="3">
        <v>3</v>
      </c>
      <c r="I341" s="3">
        <v>4</v>
      </c>
    </row>
    <row r="342" spans="1:9" x14ac:dyDescent="0.25">
      <c r="A342" s="1" t="s">
        <v>351</v>
      </c>
      <c r="B342" s="2">
        <v>3</v>
      </c>
      <c r="C342" t="s">
        <v>13</v>
      </c>
      <c r="D342" s="2">
        <v>240</v>
      </c>
      <c r="E342">
        <v>5</v>
      </c>
      <c r="F342" s="3">
        <v>1.2</v>
      </c>
      <c r="G342">
        <v>83.333333333333329</v>
      </c>
      <c r="H342" s="3">
        <v>1</v>
      </c>
      <c r="I342" s="3">
        <v>2</v>
      </c>
    </row>
    <row r="343" spans="1:9" x14ac:dyDescent="0.25">
      <c r="A343" s="1" t="s">
        <v>352</v>
      </c>
      <c r="B343" s="2">
        <v>3</v>
      </c>
      <c r="C343" t="s">
        <v>22</v>
      </c>
      <c r="D343" s="2">
        <v>120</v>
      </c>
      <c r="E343">
        <v>5</v>
      </c>
      <c r="F343" s="3">
        <v>0.6</v>
      </c>
      <c r="G343">
        <v>166.66666666666666</v>
      </c>
      <c r="H343" s="3">
        <v>1</v>
      </c>
      <c r="I343" s="3">
        <v>2</v>
      </c>
    </row>
    <row r="344" spans="1:9" x14ac:dyDescent="0.25">
      <c r="A344" s="1" t="s">
        <v>353</v>
      </c>
      <c r="B344" s="2">
        <v>15</v>
      </c>
      <c r="C344" t="s">
        <v>13</v>
      </c>
      <c r="D344" s="2">
        <v>240</v>
      </c>
      <c r="E344">
        <v>30</v>
      </c>
      <c r="F344" s="3">
        <v>28.8</v>
      </c>
      <c r="G344">
        <v>6.9444444444444446</v>
      </c>
      <c r="H344" s="3">
        <v>3</v>
      </c>
      <c r="I344" s="3">
        <v>4</v>
      </c>
    </row>
    <row r="345" spans="1:9" x14ac:dyDescent="0.25">
      <c r="A345" s="1" t="s">
        <v>354</v>
      </c>
      <c r="B345" s="2">
        <v>15</v>
      </c>
      <c r="C345" t="s">
        <v>13</v>
      </c>
      <c r="D345" s="2">
        <v>240</v>
      </c>
      <c r="E345">
        <v>30</v>
      </c>
      <c r="F345" s="3">
        <v>28.8</v>
      </c>
      <c r="G345">
        <v>34.722222222222221</v>
      </c>
      <c r="H345" s="3">
        <v>3</v>
      </c>
      <c r="I345" s="3">
        <v>4</v>
      </c>
    </row>
    <row r="346" spans="1:9" x14ac:dyDescent="0.25">
      <c r="A346" s="1" t="s">
        <v>355</v>
      </c>
      <c r="B346" s="2">
        <v>15</v>
      </c>
      <c r="C346" t="s">
        <v>13</v>
      </c>
      <c r="D346" s="2">
        <v>240</v>
      </c>
      <c r="E346">
        <v>30</v>
      </c>
      <c r="F346" s="3">
        <v>28.8</v>
      </c>
      <c r="G346">
        <v>69.444444444444443</v>
      </c>
      <c r="H346" s="3">
        <v>3</v>
      </c>
      <c r="I346" s="3">
        <v>4</v>
      </c>
    </row>
    <row r="347" spans="1:9" x14ac:dyDescent="0.25">
      <c r="A347" s="1" t="s">
        <v>356</v>
      </c>
      <c r="B347" s="2">
        <v>2</v>
      </c>
      <c r="C347" t="s">
        <v>13</v>
      </c>
      <c r="D347" s="2">
        <v>480</v>
      </c>
      <c r="E347">
        <v>30</v>
      </c>
      <c r="F347" s="3">
        <v>14.4</v>
      </c>
      <c r="G347">
        <v>3.4722222222222223</v>
      </c>
      <c r="H347" s="3">
        <v>1</v>
      </c>
      <c r="I347" s="3">
        <v>3</v>
      </c>
    </row>
    <row r="348" spans="1:9" x14ac:dyDescent="0.25">
      <c r="A348" s="1" t="s">
        <v>357</v>
      </c>
      <c r="B348" s="2">
        <v>2</v>
      </c>
      <c r="C348" t="s">
        <v>13</v>
      </c>
      <c r="D348" s="2">
        <v>480</v>
      </c>
      <c r="E348">
        <v>30</v>
      </c>
      <c r="F348" s="3">
        <v>14.4</v>
      </c>
      <c r="G348">
        <v>6.9444444444444446</v>
      </c>
      <c r="H348" s="3">
        <v>1</v>
      </c>
      <c r="I348" s="3">
        <v>3</v>
      </c>
    </row>
    <row r="349" spans="1:9" x14ac:dyDescent="0.25">
      <c r="A349" s="1" t="s">
        <v>358</v>
      </c>
      <c r="B349" s="2">
        <v>4</v>
      </c>
      <c r="C349" t="s">
        <v>13</v>
      </c>
      <c r="D349" s="2">
        <v>480</v>
      </c>
      <c r="E349">
        <v>2.5</v>
      </c>
      <c r="F349" s="3">
        <v>1.2</v>
      </c>
      <c r="G349">
        <v>41.666666666666664</v>
      </c>
      <c r="H349" s="3">
        <v>1</v>
      </c>
      <c r="I349" s="3">
        <v>3</v>
      </c>
    </row>
    <row r="350" spans="1:9" x14ac:dyDescent="0.25">
      <c r="A350" s="1" t="s">
        <v>359</v>
      </c>
      <c r="B350" s="2">
        <v>4</v>
      </c>
      <c r="C350" t="s">
        <v>13</v>
      </c>
      <c r="D350" s="2">
        <v>480</v>
      </c>
      <c r="E350">
        <v>2.5</v>
      </c>
      <c r="F350" s="3">
        <v>1.2</v>
      </c>
      <c r="G350">
        <v>83.333333333333329</v>
      </c>
      <c r="H350" s="3">
        <v>1</v>
      </c>
      <c r="I350" s="3">
        <v>3</v>
      </c>
    </row>
    <row r="351" spans="1:9" x14ac:dyDescent="0.25">
      <c r="A351" s="1" t="s">
        <v>360</v>
      </c>
      <c r="B351" s="2">
        <v>3</v>
      </c>
      <c r="C351" t="s">
        <v>13</v>
      </c>
      <c r="D351" s="2">
        <v>480</v>
      </c>
      <c r="E351">
        <v>2.5</v>
      </c>
      <c r="F351" s="3">
        <v>1.2</v>
      </c>
      <c r="G351">
        <v>41.666666666666664</v>
      </c>
      <c r="H351" s="3">
        <v>1</v>
      </c>
      <c r="I351" s="3">
        <v>2</v>
      </c>
    </row>
    <row r="352" spans="1:9" x14ac:dyDescent="0.25">
      <c r="A352" s="1" t="s">
        <v>361</v>
      </c>
      <c r="B352" s="2">
        <v>3</v>
      </c>
      <c r="C352" t="s">
        <v>13</v>
      </c>
      <c r="D352" s="2">
        <v>480</v>
      </c>
      <c r="E352">
        <v>2.5</v>
      </c>
      <c r="F352" s="3">
        <v>1.2</v>
      </c>
      <c r="G352">
        <v>83.333333333333329</v>
      </c>
      <c r="H352" s="3">
        <v>1</v>
      </c>
      <c r="I352" s="3">
        <v>2</v>
      </c>
    </row>
    <row r="353" spans="1:9" x14ac:dyDescent="0.25">
      <c r="A353" s="1" t="s">
        <v>362</v>
      </c>
      <c r="B353" s="2">
        <v>5</v>
      </c>
      <c r="C353" t="s">
        <v>13</v>
      </c>
      <c r="D353" s="2">
        <v>480</v>
      </c>
      <c r="E353">
        <v>2.5</v>
      </c>
      <c r="F353" s="3">
        <v>4.8</v>
      </c>
      <c r="G353">
        <v>41.666666666666664</v>
      </c>
      <c r="H353" s="3">
        <v>3</v>
      </c>
      <c r="I353" s="3">
        <v>3</v>
      </c>
    </row>
    <row r="354" spans="1:9" x14ac:dyDescent="0.25">
      <c r="A354" s="1" t="s">
        <v>363</v>
      </c>
      <c r="B354" s="2">
        <v>12</v>
      </c>
      <c r="C354" t="s">
        <v>13</v>
      </c>
      <c r="D354" s="2">
        <v>480</v>
      </c>
      <c r="E354">
        <v>15</v>
      </c>
      <c r="F354" s="3">
        <v>28.8</v>
      </c>
      <c r="G354">
        <v>3.4722222222222223</v>
      </c>
      <c r="H354" s="3">
        <v>3</v>
      </c>
      <c r="I354" s="3">
        <v>3</v>
      </c>
    </row>
    <row r="355" spans="1:9" x14ac:dyDescent="0.25">
      <c r="A355" s="1" t="s">
        <v>364</v>
      </c>
      <c r="B355" s="2">
        <v>12</v>
      </c>
      <c r="C355" t="s">
        <v>13</v>
      </c>
      <c r="D355" s="2">
        <v>480</v>
      </c>
      <c r="E355">
        <v>15</v>
      </c>
      <c r="F355" s="3">
        <v>28.8</v>
      </c>
      <c r="G355">
        <v>6.9444444444444446</v>
      </c>
      <c r="H355" s="3">
        <v>3</v>
      </c>
      <c r="I355" s="3">
        <v>3</v>
      </c>
    </row>
    <row r="356" spans="1:9" x14ac:dyDescent="0.25">
      <c r="A356" s="1" t="s">
        <v>365</v>
      </c>
      <c r="B356" s="2">
        <v>12</v>
      </c>
      <c r="C356" t="s">
        <v>13</v>
      </c>
      <c r="D356" s="2">
        <v>480</v>
      </c>
      <c r="E356">
        <v>15</v>
      </c>
      <c r="F356" s="3">
        <v>28.8</v>
      </c>
      <c r="G356">
        <v>34.722222222222221</v>
      </c>
      <c r="H356" s="3">
        <v>3</v>
      </c>
      <c r="I356" s="3">
        <v>3</v>
      </c>
    </row>
    <row r="357" spans="1:9" x14ac:dyDescent="0.25">
      <c r="A357" s="1" t="s">
        <v>366</v>
      </c>
      <c r="B357" s="2">
        <v>12</v>
      </c>
      <c r="C357" t="s">
        <v>13</v>
      </c>
      <c r="D357" s="2">
        <v>480</v>
      </c>
      <c r="E357">
        <v>15</v>
      </c>
      <c r="F357" s="3">
        <v>28.8</v>
      </c>
      <c r="G357">
        <v>69.444444444444443</v>
      </c>
      <c r="H357" s="3">
        <v>3</v>
      </c>
      <c r="I357" s="3">
        <v>3</v>
      </c>
    </row>
    <row r="358" spans="1:9" x14ac:dyDescent="0.25">
      <c r="A358" s="1" t="s">
        <v>367</v>
      </c>
      <c r="B358" s="2">
        <v>12</v>
      </c>
      <c r="C358" t="s">
        <v>13</v>
      </c>
      <c r="D358" s="2">
        <v>480</v>
      </c>
      <c r="E358">
        <v>30</v>
      </c>
      <c r="F358" s="3">
        <v>57.6</v>
      </c>
      <c r="G358">
        <v>1.7361111111111112</v>
      </c>
      <c r="H358" s="3">
        <v>3</v>
      </c>
      <c r="I358" s="3">
        <v>3</v>
      </c>
    </row>
    <row r="359" spans="1:9" x14ac:dyDescent="0.25">
      <c r="A359" s="1" t="s">
        <v>368</v>
      </c>
      <c r="B359" s="2">
        <v>12</v>
      </c>
      <c r="C359" t="s">
        <v>13</v>
      </c>
      <c r="D359" s="2">
        <v>480</v>
      </c>
      <c r="E359">
        <v>30</v>
      </c>
      <c r="F359" s="3">
        <v>57.6</v>
      </c>
      <c r="G359">
        <v>3.4722222222222223</v>
      </c>
      <c r="H359" s="3">
        <v>3</v>
      </c>
      <c r="I359" s="3">
        <v>3</v>
      </c>
    </row>
    <row r="360" spans="1:9" x14ac:dyDescent="0.25">
      <c r="A360" s="1" t="s">
        <v>369</v>
      </c>
      <c r="B360" s="2">
        <v>12</v>
      </c>
      <c r="C360" t="s">
        <v>13</v>
      </c>
      <c r="D360" s="2">
        <v>480</v>
      </c>
      <c r="E360">
        <v>30</v>
      </c>
      <c r="F360" s="3">
        <v>57.6</v>
      </c>
      <c r="G360">
        <v>17.361111111111111</v>
      </c>
      <c r="H360" s="3">
        <v>3</v>
      </c>
      <c r="I360" s="3">
        <v>3</v>
      </c>
    </row>
    <row r="361" spans="1:9" x14ac:dyDescent="0.25">
      <c r="A361" s="1" t="s">
        <v>370</v>
      </c>
      <c r="B361" s="2">
        <v>12</v>
      </c>
      <c r="C361" t="s">
        <v>13</v>
      </c>
      <c r="D361" s="2">
        <v>480</v>
      </c>
      <c r="E361">
        <v>30</v>
      </c>
      <c r="F361" s="3">
        <v>57.6</v>
      </c>
      <c r="G361">
        <v>34.722222222222221</v>
      </c>
      <c r="H361" s="3">
        <v>3</v>
      </c>
      <c r="I361" s="3">
        <v>3</v>
      </c>
    </row>
    <row r="362" spans="1:9" x14ac:dyDescent="0.25">
      <c r="A362" s="1" t="s">
        <v>371</v>
      </c>
      <c r="B362" s="2">
        <v>12</v>
      </c>
      <c r="C362" t="s">
        <v>13</v>
      </c>
      <c r="D362" s="2">
        <v>480</v>
      </c>
      <c r="E362">
        <v>50</v>
      </c>
      <c r="F362" s="3">
        <v>115.2</v>
      </c>
      <c r="G362">
        <v>1.7361111111111112</v>
      </c>
      <c r="H362" s="3">
        <v>3</v>
      </c>
      <c r="I362" s="3">
        <v>3</v>
      </c>
    </row>
    <row r="363" spans="1:9" x14ac:dyDescent="0.25">
      <c r="A363" s="1" t="s">
        <v>372</v>
      </c>
      <c r="B363" s="2">
        <v>12</v>
      </c>
      <c r="C363" t="s">
        <v>13</v>
      </c>
      <c r="D363" s="2">
        <v>480</v>
      </c>
      <c r="E363">
        <v>50</v>
      </c>
      <c r="F363" s="3">
        <v>115.2</v>
      </c>
      <c r="G363">
        <v>17.361111111111111</v>
      </c>
      <c r="H363" s="3">
        <v>3</v>
      </c>
      <c r="I363" s="3">
        <v>3</v>
      </c>
    </row>
    <row r="364" spans="1:9" x14ac:dyDescent="0.25">
      <c r="A364" s="1" t="s">
        <v>373</v>
      </c>
      <c r="B364" s="2">
        <v>4</v>
      </c>
      <c r="C364" t="s">
        <v>22</v>
      </c>
      <c r="D364" s="2">
        <v>240</v>
      </c>
      <c r="E364">
        <v>2.5</v>
      </c>
      <c r="F364" s="3">
        <v>0.6</v>
      </c>
      <c r="G364">
        <v>166.66666666666666</v>
      </c>
      <c r="H364" s="3">
        <v>1</v>
      </c>
      <c r="I364" s="3">
        <v>3</v>
      </c>
    </row>
    <row r="365" spans="1:9" x14ac:dyDescent="0.25">
      <c r="A365" s="1" t="s">
        <v>374</v>
      </c>
      <c r="B365" s="2">
        <v>3</v>
      </c>
      <c r="C365" t="s">
        <v>22</v>
      </c>
      <c r="D365" s="2">
        <v>120</v>
      </c>
      <c r="E365">
        <v>2.5</v>
      </c>
      <c r="F365" s="3">
        <v>0.3</v>
      </c>
      <c r="G365">
        <v>333.33333333333331</v>
      </c>
      <c r="H365" s="3">
        <v>1</v>
      </c>
      <c r="I365" s="3">
        <v>2</v>
      </c>
    </row>
    <row r="366" spans="1:9" x14ac:dyDescent="0.25">
      <c r="A366" s="1" t="s">
        <v>375</v>
      </c>
      <c r="B366" s="2">
        <v>5</v>
      </c>
      <c r="C366" t="s">
        <v>22</v>
      </c>
      <c r="D366" s="2">
        <v>120</v>
      </c>
      <c r="E366">
        <v>2.5</v>
      </c>
      <c r="F366" s="3">
        <v>1.2</v>
      </c>
      <c r="G366">
        <v>166.66666666666666</v>
      </c>
      <c r="H366" s="3">
        <v>3</v>
      </c>
      <c r="I366" s="3">
        <v>3</v>
      </c>
    </row>
    <row r="367" spans="1:9" x14ac:dyDescent="0.25">
      <c r="A367" s="1" t="s">
        <v>376</v>
      </c>
      <c r="B367" s="2">
        <v>12</v>
      </c>
      <c r="C367" t="s">
        <v>22</v>
      </c>
      <c r="D367" s="2">
        <v>120</v>
      </c>
      <c r="E367">
        <v>15</v>
      </c>
      <c r="F367" s="3">
        <v>3.6</v>
      </c>
      <c r="G367">
        <v>27.777777777777779</v>
      </c>
      <c r="H367" s="3">
        <v>3</v>
      </c>
      <c r="I367" s="3">
        <v>3</v>
      </c>
    </row>
    <row r="368" spans="1:9" x14ac:dyDescent="0.25">
      <c r="A368" s="1" t="s">
        <v>377</v>
      </c>
      <c r="B368" s="2">
        <v>12</v>
      </c>
      <c r="C368" t="s">
        <v>22</v>
      </c>
      <c r="D368" s="2">
        <v>120</v>
      </c>
      <c r="E368">
        <v>15</v>
      </c>
      <c r="F368" s="3">
        <v>7.2</v>
      </c>
      <c r="G368">
        <v>27.777777777777779</v>
      </c>
      <c r="H368" s="3">
        <v>3</v>
      </c>
      <c r="I368" s="3">
        <v>3</v>
      </c>
    </row>
    <row r="369" spans="1:9" x14ac:dyDescent="0.25">
      <c r="A369" s="1" t="s">
        <v>378</v>
      </c>
      <c r="B369" s="2">
        <v>12</v>
      </c>
      <c r="C369" t="s">
        <v>22</v>
      </c>
      <c r="D369" s="2">
        <v>120</v>
      </c>
      <c r="E369">
        <v>30</v>
      </c>
      <c r="F369" s="3">
        <v>14.4</v>
      </c>
      <c r="G369">
        <v>13.888888888888889</v>
      </c>
      <c r="H369" s="3">
        <v>3</v>
      </c>
      <c r="I369" s="3">
        <v>3</v>
      </c>
    </row>
    <row r="370" spans="1:9" x14ac:dyDescent="0.25">
      <c r="A370" s="1" t="s">
        <v>379</v>
      </c>
      <c r="B370" s="2">
        <v>6</v>
      </c>
      <c r="C370" t="s">
        <v>22</v>
      </c>
      <c r="D370" s="2">
        <v>120</v>
      </c>
      <c r="E370">
        <v>2.5</v>
      </c>
      <c r="F370" s="3">
        <v>0.15</v>
      </c>
      <c r="G370" t="s">
        <v>187</v>
      </c>
      <c r="H370" s="3">
        <v>3</v>
      </c>
      <c r="I370" s="3">
        <v>4</v>
      </c>
    </row>
    <row r="371" spans="1:9" x14ac:dyDescent="0.25">
      <c r="A371" s="1" t="s">
        <v>380</v>
      </c>
      <c r="B371" s="2">
        <v>0</v>
      </c>
      <c r="C371" t="s">
        <v>13</v>
      </c>
      <c r="D371" s="2">
        <v>240</v>
      </c>
      <c r="E371">
        <v>30</v>
      </c>
      <c r="F371" s="3">
        <v>7.2</v>
      </c>
      <c r="G371" t="s">
        <v>187</v>
      </c>
      <c r="H371" s="3">
        <v>1</v>
      </c>
      <c r="I371" s="3">
        <v>3</v>
      </c>
    </row>
    <row r="372" spans="1:9" x14ac:dyDescent="0.25">
      <c r="A372" s="1" t="s">
        <v>381</v>
      </c>
      <c r="B372" s="2">
        <v>12</v>
      </c>
      <c r="C372" t="s">
        <v>271</v>
      </c>
      <c r="D372" s="2">
        <v>480</v>
      </c>
      <c r="E372">
        <v>50</v>
      </c>
      <c r="F372" s="3">
        <v>115.2</v>
      </c>
      <c r="G372">
        <v>1.7361111111111112</v>
      </c>
      <c r="H372" s="3">
        <v>2</v>
      </c>
      <c r="I372" s="3">
        <v>3</v>
      </c>
    </row>
    <row r="373" spans="1:9" x14ac:dyDescent="0.25">
      <c r="A373" s="1" t="s">
        <v>382</v>
      </c>
      <c r="B373" s="2">
        <v>5</v>
      </c>
      <c r="C373" t="s">
        <v>13</v>
      </c>
      <c r="D373" s="2">
        <v>120</v>
      </c>
      <c r="E373">
        <v>2.5</v>
      </c>
      <c r="F373" s="3">
        <v>1.2</v>
      </c>
      <c r="G373">
        <v>333.33333333333331</v>
      </c>
      <c r="H373" s="3">
        <v>3</v>
      </c>
      <c r="I373" s="3">
        <v>3</v>
      </c>
    </row>
    <row r="374" spans="1:9" x14ac:dyDescent="0.25">
      <c r="A374" s="1" t="s">
        <v>383</v>
      </c>
      <c r="B374" s="2">
        <v>16</v>
      </c>
      <c r="C374" t="s">
        <v>271</v>
      </c>
      <c r="D374" s="2">
        <v>277</v>
      </c>
      <c r="E374">
        <v>50</v>
      </c>
      <c r="F374" s="3">
        <v>86.4</v>
      </c>
      <c r="G374" t="s">
        <v>187</v>
      </c>
      <c r="H374" s="3">
        <v>3</v>
      </c>
      <c r="I374" s="3">
        <v>4</v>
      </c>
    </row>
    <row r="375" spans="1:9" x14ac:dyDescent="0.25">
      <c r="A375" s="1" t="s">
        <v>384</v>
      </c>
      <c r="B375" s="2">
        <v>12</v>
      </c>
      <c r="C375" t="s">
        <v>271</v>
      </c>
      <c r="D375" s="2">
        <v>240</v>
      </c>
      <c r="E375">
        <v>50</v>
      </c>
      <c r="F375" s="3">
        <v>57.6</v>
      </c>
      <c r="G375" t="s">
        <v>187</v>
      </c>
      <c r="H375" s="3">
        <v>3</v>
      </c>
      <c r="I375" s="3">
        <v>3</v>
      </c>
    </row>
    <row r="376" spans="1:9" x14ac:dyDescent="0.25">
      <c r="A376" s="1" t="s">
        <v>385</v>
      </c>
      <c r="B376" s="2">
        <v>12</v>
      </c>
      <c r="C376" t="s">
        <v>271</v>
      </c>
      <c r="D376" s="2">
        <v>480</v>
      </c>
      <c r="E376">
        <v>50</v>
      </c>
      <c r="F376" s="3">
        <v>115.2</v>
      </c>
      <c r="G376" t="s">
        <v>187</v>
      </c>
      <c r="H376" s="3">
        <v>3</v>
      </c>
      <c r="I376" s="3">
        <v>3</v>
      </c>
    </row>
    <row r="377" spans="1:9" x14ac:dyDescent="0.25">
      <c r="A377" s="1" t="s">
        <v>386</v>
      </c>
      <c r="B377" s="2">
        <v>15</v>
      </c>
      <c r="C377" t="s">
        <v>271</v>
      </c>
      <c r="D377" s="2">
        <v>240</v>
      </c>
      <c r="E377">
        <v>50</v>
      </c>
      <c r="F377" s="3">
        <v>57.6</v>
      </c>
      <c r="G377">
        <v>69.444444444444443</v>
      </c>
      <c r="H377" s="3">
        <v>3</v>
      </c>
      <c r="I377" s="3">
        <v>4</v>
      </c>
    </row>
    <row r="378" spans="1:9" x14ac:dyDescent="0.25">
      <c r="A378" s="1" t="s">
        <v>387</v>
      </c>
      <c r="B378" s="2">
        <v>2</v>
      </c>
      <c r="C378" t="s">
        <v>271</v>
      </c>
      <c r="D378" s="2">
        <v>240</v>
      </c>
      <c r="E378">
        <v>30</v>
      </c>
      <c r="F378" s="3">
        <v>14.4</v>
      </c>
      <c r="G378">
        <v>6.9444444444444446</v>
      </c>
      <c r="H378" s="3">
        <v>1</v>
      </c>
      <c r="I378" s="3">
        <v>3</v>
      </c>
    </row>
    <row r="379" spans="1:9" x14ac:dyDescent="0.25">
      <c r="A379" s="1" t="s">
        <v>388</v>
      </c>
      <c r="B379" s="2">
        <v>8</v>
      </c>
      <c r="C379" t="s">
        <v>13</v>
      </c>
      <c r="D379" s="2">
        <v>120</v>
      </c>
      <c r="E379">
        <v>2.5</v>
      </c>
      <c r="F379" s="3">
        <v>1.2</v>
      </c>
      <c r="G379" t="s">
        <v>187</v>
      </c>
      <c r="H379" s="3">
        <v>3</v>
      </c>
      <c r="I379" s="3">
        <v>4</v>
      </c>
    </row>
    <row r="380" spans="1:9" x14ac:dyDescent="0.25">
      <c r="A380" s="1" t="s">
        <v>389</v>
      </c>
      <c r="B380" s="2">
        <v>12</v>
      </c>
      <c r="C380" t="s">
        <v>22</v>
      </c>
      <c r="D380" s="2">
        <v>120</v>
      </c>
      <c r="E380">
        <v>30</v>
      </c>
      <c r="F380" s="3">
        <v>14.4</v>
      </c>
      <c r="G380">
        <v>138.88888888888889</v>
      </c>
      <c r="H380" s="3">
        <v>3</v>
      </c>
      <c r="I380" s="3">
        <v>3</v>
      </c>
    </row>
    <row r="381" spans="1:9" x14ac:dyDescent="0.25">
      <c r="A381" s="1" t="s">
        <v>390</v>
      </c>
      <c r="B381" s="2">
        <v>6</v>
      </c>
      <c r="C381" t="s">
        <v>27</v>
      </c>
      <c r="D381" s="2">
        <v>120</v>
      </c>
      <c r="E381">
        <v>2.5</v>
      </c>
      <c r="F381" s="3">
        <v>1.8</v>
      </c>
      <c r="G381" t="s">
        <v>187</v>
      </c>
      <c r="H381" s="3">
        <v>3</v>
      </c>
      <c r="I381" s="3">
        <v>4</v>
      </c>
    </row>
    <row r="382" spans="1:9" x14ac:dyDescent="0.25">
      <c r="A382" s="1" t="s">
        <v>391</v>
      </c>
      <c r="B382" s="2">
        <v>6</v>
      </c>
      <c r="C382" t="s">
        <v>27</v>
      </c>
      <c r="D382" s="2">
        <v>120</v>
      </c>
      <c r="E382">
        <v>5</v>
      </c>
      <c r="F382" s="3">
        <v>3.6</v>
      </c>
      <c r="G382" t="s">
        <v>187</v>
      </c>
      <c r="H382" s="3">
        <v>3</v>
      </c>
      <c r="I382" s="3">
        <v>4</v>
      </c>
    </row>
    <row r="383" spans="1:9" x14ac:dyDescent="0.25">
      <c r="A383" s="1" t="s">
        <v>392</v>
      </c>
      <c r="B383" s="2">
        <v>6</v>
      </c>
      <c r="C383" t="s">
        <v>27</v>
      </c>
      <c r="D383" s="2">
        <v>277</v>
      </c>
      <c r="E383">
        <v>2.5</v>
      </c>
      <c r="F383" s="3">
        <v>3.6</v>
      </c>
      <c r="G383" t="s">
        <v>187</v>
      </c>
      <c r="H383" s="3">
        <v>3</v>
      </c>
      <c r="I383" s="3">
        <v>4</v>
      </c>
    </row>
    <row r="384" spans="1:9" x14ac:dyDescent="0.25">
      <c r="A384" s="1" t="s">
        <v>393</v>
      </c>
      <c r="B384" s="2">
        <v>6</v>
      </c>
      <c r="C384" t="s">
        <v>27</v>
      </c>
      <c r="D384" s="2">
        <v>277</v>
      </c>
      <c r="E384">
        <v>5</v>
      </c>
      <c r="F384" s="3">
        <v>7.2</v>
      </c>
      <c r="G384" t="s">
        <v>187</v>
      </c>
      <c r="H384" s="3">
        <v>3</v>
      </c>
      <c r="I384" s="3">
        <v>4</v>
      </c>
    </row>
    <row r="385" spans="1:9" x14ac:dyDescent="0.25">
      <c r="A385" s="1" t="s">
        <v>394</v>
      </c>
      <c r="B385" s="2">
        <v>5</v>
      </c>
      <c r="C385" t="s">
        <v>22</v>
      </c>
      <c r="D385" s="2">
        <v>240</v>
      </c>
      <c r="E385">
        <v>2.5</v>
      </c>
      <c r="F385" s="3">
        <v>2.4</v>
      </c>
      <c r="G385">
        <v>83.333333333333329</v>
      </c>
      <c r="H385" s="3">
        <v>3</v>
      </c>
      <c r="I385" s="3">
        <v>3</v>
      </c>
    </row>
    <row r="386" spans="1:9" x14ac:dyDescent="0.25">
      <c r="A386" s="1" t="s">
        <v>395</v>
      </c>
      <c r="B386" s="2">
        <v>12</v>
      </c>
      <c r="C386" t="s">
        <v>22</v>
      </c>
      <c r="D386" s="2">
        <v>240</v>
      </c>
      <c r="E386">
        <v>15</v>
      </c>
      <c r="F386" s="3">
        <v>14.4</v>
      </c>
      <c r="G386">
        <v>13.888888888888889</v>
      </c>
      <c r="H386" s="3">
        <v>3</v>
      </c>
      <c r="I386" s="3">
        <v>3</v>
      </c>
    </row>
    <row r="387" spans="1:9" x14ac:dyDescent="0.25">
      <c r="A387" s="1" t="s">
        <v>396</v>
      </c>
      <c r="B387" s="2">
        <v>12</v>
      </c>
      <c r="C387" t="s">
        <v>22</v>
      </c>
      <c r="D387" s="2">
        <v>240</v>
      </c>
      <c r="E387">
        <v>15</v>
      </c>
      <c r="F387" s="3">
        <v>14.4</v>
      </c>
      <c r="G387">
        <v>138.88888888888889</v>
      </c>
      <c r="H387" s="3">
        <v>3</v>
      </c>
      <c r="I387" s="3">
        <v>3</v>
      </c>
    </row>
    <row r="388" spans="1:9" x14ac:dyDescent="0.25">
      <c r="A388" s="1" t="s">
        <v>397</v>
      </c>
      <c r="B388" s="2">
        <v>12</v>
      </c>
      <c r="C388" t="s">
        <v>22</v>
      </c>
      <c r="D388" s="2">
        <v>240</v>
      </c>
      <c r="E388">
        <v>30</v>
      </c>
      <c r="F388" s="3">
        <v>28.8</v>
      </c>
      <c r="G388">
        <v>6.9444444444444446</v>
      </c>
      <c r="H388" s="3">
        <v>3</v>
      </c>
      <c r="I388" s="3">
        <v>3</v>
      </c>
    </row>
    <row r="389" spans="1:9" x14ac:dyDescent="0.25">
      <c r="A389" s="1" t="s">
        <v>398</v>
      </c>
      <c r="B389" s="2">
        <v>12</v>
      </c>
      <c r="C389" t="s">
        <v>22</v>
      </c>
      <c r="D389" s="2">
        <v>240</v>
      </c>
      <c r="E389">
        <v>30</v>
      </c>
      <c r="F389" s="3">
        <v>28.8</v>
      </c>
      <c r="G389">
        <v>69.444444444444443</v>
      </c>
      <c r="H389" s="3">
        <v>3</v>
      </c>
      <c r="I389" s="3">
        <v>3</v>
      </c>
    </row>
    <row r="390" spans="1:9" x14ac:dyDescent="0.25">
      <c r="A390" s="1" t="s">
        <v>399</v>
      </c>
      <c r="B390" s="2">
        <v>6</v>
      </c>
      <c r="C390" t="s">
        <v>22</v>
      </c>
      <c r="D390" s="2">
        <v>120</v>
      </c>
      <c r="E390">
        <v>2.5</v>
      </c>
      <c r="F390" s="3">
        <v>1.8</v>
      </c>
      <c r="G390">
        <v>55.555555555555557</v>
      </c>
      <c r="H390" s="3">
        <v>3</v>
      </c>
      <c r="I390" s="3">
        <v>4</v>
      </c>
    </row>
    <row r="391" spans="1:9" x14ac:dyDescent="0.25">
      <c r="A391" s="1" t="s">
        <v>400</v>
      </c>
      <c r="B391" s="2">
        <v>6</v>
      </c>
      <c r="C391" t="s">
        <v>22</v>
      </c>
      <c r="D391" s="2">
        <v>120</v>
      </c>
      <c r="E391">
        <v>2.5</v>
      </c>
      <c r="F391" s="3">
        <v>1.8</v>
      </c>
      <c r="G391">
        <v>111.11111111111111</v>
      </c>
      <c r="H391" s="3">
        <v>3</v>
      </c>
      <c r="I391" s="3">
        <v>4</v>
      </c>
    </row>
    <row r="392" spans="1:9" x14ac:dyDescent="0.25">
      <c r="A392" s="1" t="s">
        <v>401</v>
      </c>
      <c r="B392" s="2">
        <v>9</v>
      </c>
      <c r="C392" t="s">
        <v>22</v>
      </c>
      <c r="D392" s="2">
        <v>120</v>
      </c>
      <c r="E392">
        <v>2.5</v>
      </c>
      <c r="F392" s="3">
        <v>1.8</v>
      </c>
      <c r="G392">
        <v>55.555555555555557</v>
      </c>
      <c r="H392" s="3">
        <v>3</v>
      </c>
      <c r="I392" s="3">
        <v>4</v>
      </c>
    </row>
    <row r="393" spans="1:9" x14ac:dyDescent="0.25">
      <c r="A393" s="1" t="s">
        <v>402</v>
      </c>
      <c r="B393" s="2">
        <v>9</v>
      </c>
      <c r="C393" t="s">
        <v>22</v>
      </c>
      <c r="D393" s="2">
        <v>120</v>
      </c>
      <c r="E393">
        <v>2.5</v>
      </c>
      <c r="F393" s="3">
        <v>1.8</v>
      </c>
      <c r="G393">
        <v>111.11111111111111</v>
      </c>
      <c r="H393" s="3">
        <v>3</v>
      </c>
      <c r="I393" s="3">
        <v>4</v>
      </c>
    </row>
    <row r="394" spans="1:9" x14ac:dyDescent="0.25">
      <c r="A394" s="1" t="s">
        <v>403</v>
      </c>
      <c r="B394" s="2">
        <v>14</v>
      </c>
      <c r="C394" t="s">
        <v>22</v>
      </c>
      <c r="D394" s="2">
        <v>120</v>
      </c>
      <c r="E394">
        <v>15</v>
      </c>
      <c r="F394" s="3">
        <v>10.8</v>
      </c>
      <c r="G394">
        <v>9.1851851851851851</v>
      </c>
      <c r="H394" s="3">
        <v>3</v>
      </c>
      <c r="I394" s="3">
        <v>4</v>
      </c>
    </row>
    <row r="395" spans="1:9" x14ac:dyDescent="0.25">
      <c r="A395" s="1" t="s">
        <v>404</v>
      </c>
      <c r="B395" s="2">
        <v>14</v>
      </c>
      <c r="C395" t="s">
        <v>22</v>
      </c>
      <c r="D395" s="2">
        <v>120</v>
      </c>
      <c r="E395">
        <v>15</v>
      </c>
      <c r="F395" s="3">
        <v>10.8</v>
      </c>
      <c r="G395">
        <v>18.518518518518519</v>
      </c>
      <c r="H395" s="3">
        <v>3</v>
      </c>
      <c r="I395" s="3">
        <v>4</v>
      </c>
    </row>
    <row r="396" spans="1:9" x14ac:dyDescent="0.25">
      <c r="A396" s="1" t="s">
        <v>405</v>
      </c>
      <c r="B396" s="2">
        <v>14</v>
      </c>
      <c r="C396" t="s">
        <v>22</v>
      </c>
      <c r="D396" s="2">
        <v>120</v>
      </c>
      <c r="E396">
        <v>15</v>
      </c>
      <c r="F396" s="3">
        <v>10.8</v>
      </c>
      <c r="G396">
        <v>185.18518518518519</v>
      </c>
      <c r="H396" s="3">
        <v>3</v>
      </c>
      <c r="I396" s="3">
        <v>4</v>
      </c>
    </row>
    <row r="397" spans="1:9" x14ac:dyDescent="0.25">
      <c r="A397" s="1" t="s">
        <v>406</v>
      </c>
      <c r="B397" s="2">
        <v>14</v>
      </c>
      <c r="C397" t="s">
        <v>22</v>
      </c>
      <c r="D397" s="2">
        <v>120</v>
      </c>
      <c r="E397">
        <v>30</v>
      </c>
      <c r="F397" s="3">
        <v>21.6</v>
      </c>
      <c r="G397">
        <v>9.2592592592592595</v>
      </c>
      <c r="H397" s="3">
        <v>3</v>
      </c>
      <c r="I397" s="3">
        <v>4</v>
      </c>
    </row>
    <row r="398" spans="1:9" x14ac:dyDescent="0.25">
      <c r="A398" s="1" t="s">
        <v>407</v>
      </c>
      <c r="B398" s="2">
        <v>14</v>
      </c>
      <c r="C398" t="s">
        <v>22</v>
      </c>
      <c r="D398" s="2">
        <v>120</v>
      </c>
      <c r="E398">
        <v>30</v>
      </c>
      <c r="F398" s="3">
        <v>21.6</v>
      </c>
      <c r="G398">
        <v>92.592592592592595</v>
      </c>
      <c r="H398" s="3">
        <v>3</v>
      </c>
      <c r="I398" s="3">
        <v>4</v>
      </c>
    </row>
    <row r="399" spans="1:9" x14ac:dyDescent="0.25">
      <c r="A399" s="1" t="s">
        <v>408</v>
      </c>
      <c r="B399" s="2">
        <v>16</v>
      </c>
      <c r="C399" t="s">
        <v>22</v>
      </c>
      <c r="D399" s="2">
        <v>120</v>
      </c>
      <c r="E399">
        <v>15</v>
      </c>
      <c r="F399" s="3">
        <v>10.8</v>
      </c>
      <c r="G399">
        <v>9.2592592592592595</v>
      </c>
      <c r="H399" s="3">
        <v>3</v>
      </c>
      <c r="I399" s="3">
        <v>4</v>
      </c>
    </row>
    <row r="400" spans="1:9" x14ac:dyDescent="0.25">
      <c r="A400" s="1" t="s">
        <v>409</v>
      </c>
      <c r="B400" s="2">
        <v>16</v>
      </c>
      <c r="C400" t="s">
        <v>22</v>
      </c>
      <c r="D400" s="2">
        <v>120</v>
      </c>
      <c r="E400">
        <v>15</v>
      </c>
      <c r="F400" s="3">
        <v>10.8</v>
      </c>
      <c r="G400">
        <v>18.518518518518519</v>
      </c>
      <c r="H400" s="3">
        <v>3</v>
      </c>
      <c r="I400" s="3">
        <v>4</v>
      </c>
    </row>
    <row r="401" spans="1:9" x14ac:dyDescent="0.25">
      <c r="A401" s="1" t="s">
        <v>410</v>
      </c>
      <c r="B401" s="2">
        <v>16</v>
      </c>
      <c r="C401" t="s">
        <v>22</v>
      </c>
      <c r="D401" s="2">
        <v>120</v>
      </c>
      <c r="E401">
        <v>15</v>
      </c>
      <c r="F401" s="3">
        <v>10.8</v>
      </c>
      <c r="G401">
        <v>185.18518518518519</v>
      </c>
      <c r="H401" s="3">
        <v>3</v>
      </c>
      <c r="I401" s="3">
        <v>4</v>
      </c>
    </row>
    <row r="402" spans="1:9" x14ac:dyDescent="0.25">
      <c r="A402" s="1" t="s">
        <v>411</v>
      </c>
      <c r="B402" s="2">
        <v>16</v>
      </c>
      <c r="C402" t="s">
        <v>22</v>
      </c>
      <c r="D402" s="2">
        <v>120</v>
      </c>
      <c r="E402">
        <v>30</v>
      </c>
      <c r="F402" s="3">
        <v>21.6</v>
      </c>
      <c r="G402">
        <v>9.2592592592592595</v>
      </c>
      <c r="H402" s="3">
        <v>3</v>
      </c>
      <c r="I402" s="3">
        <v>4</v>
      </c>
    </row>
    <row r="403" spans="1:9" x14ac:dyDescent="0.25">
      <c r="A403" s="1" t="s">
        <v>412</v>
      </c>
      <c r="B403" s="2">
        <v>16</v>
      </c>
      <c r="C403" t="s">
        <v>22</v>
      </c>
      <c r="D403" s="2">
        <v>120</v>
      </c>
      <c r="E403">
        <v>30</v>
      </c>
      <c r="F403" s="3">
        <v>21.6</v>
      </c>
      <c r="G403">
        <v>92.592592592592595</v>
      </c>
      <c r="H403" s="3">
        <v>3</v>
      </c>
      <c r="I403" s="3">
        <v>4</v>
      </c>
    </row>
    <row r="404" spans="1:9" x14ac:dyDescent="0.25">
      <c r="A404" s="1" t="s">
        <v>413</v>
      </c>
      <c r="B404" s="2">
        <v>6</v>
      </c>
      <c r="C404" t="s">
        <v>22</v>
      </c>
      <c r="D404" s="2">
        <v>277</v>
      </c>
      <c r="E404">
        <v>2.5</v>
      </c>
      <c r="F404" s="3">
        <v>3.6</v>
      </c>
      <c r="G404">
        <v>55.555555555555557</v>
      </c>
      <c r="H404" s="3">
        <v>3</v>
      </c>
      <c r="I404" s="3">
        <v>4</v>
      </c>
    </row>
    <row r="405" spans="1:9" x14ac:dyDescent="0.25">
      <c r="A405" s="1" t="s">
        <v>414</v>
      </c>
      <c r="B405" s="2">
        <v>9</v>
      </c>
      <c r="C405" t="s">
        <v>22</v>
      </c>
      <c r="D405" s="2">
        <v>277</v>
      </c>
      <c r="E405">
        <v>2.5</v>
      </c>
      <c r="F405" s="3">
        <v>3.6</v>
      </c>
      <c r="G405">
        <v>55.555555555555557</v>
      </c>
      <c r="H405" s="3">
        <v>3</v>
      </c>
      <c r="I405" s="3">
        <v>4</v>
      </c>
    </row>
    <row r="406" spans="1:9" x14ac:dyDescent="0.25">
      <c r="A406" s="1" t="s">
        <v>415</v>
      </c>
      <c r="B406" s="2">
        <v>5</v>
      </c>
      <c r="C406" t="s">
        <v>13</v>
      </c>
      <c r="D406" s="2">
        <v>480</v>
      </c>
      <c r="E406">
        <v>2.5</v>
      </c>
      <c r="F406" s="3">
        <v>4.8</v>
      </c>
      <c r="G406">
        <v>166.66666666666666</v>
      </c>
      <c r="H406" s="3">
        <v>3</v>
      </c>
      <c r="I406" s="3">
        <v>3</v>
      </c>
    </row>
    <row r="407" spans="1:9" x14ac:dyDescent="0.25">
      <c r="A407" s="1" t="s">
        <v>416</v>
      </c>
      <c r="B407" s="2">
        <v>1</v>
      </c>
      <c r="C407" t="s">
        <v>13</v>
      </c>
      <c r="D407" s="2">
        <v>240</v>
      </c>
      <c r="E407">
        <v>15</v>
      </c>
      <c r="F407" s="3">
        <v>3.6</v>
      </c>
      <c r="G407" t="s">
        <v>187</v>
      </c>
      <c r="H407" s="3">
        <v>1</v>
      </c>
      <c r="I407" s="3">
        <v>2</v>
      </c>
    </row>
    <row r="408" spans="1:9" x14ac:dyDescent="0.25">
      <c r="A408" s="1" t="s">
        <v>417</v>
      </c>
      <c r="B408" s="2">
        <v>6</v>
      </c>
      <c r="C408" t="s">
        <v>22</v>
      </c>
      <c r="D408" s="2">
        <v>120</v>
      </c>
      <c r="E408">
        <v>5</v>
      </c>
      <c r="F408" s="3">
        <v>1.8</v>
      </c>
      <c r="G408" t="s">
        <v>187</v>
      </c>
      <c r="H408" s="3">
        <v>3</v>
      </c>
      <c r="I408" s="3">
        <v>4</v>
      </c>
    </row>
    <row r="409" spans="1:9" x14ac:dyDescent="0.25">
      <c r="A409" s="1" t="s">
        <v>418</v>
      </c>
      <c r="B409" s="2">
        <v>9</v>
      </c>
      <c r="C409" t="s">
        <v>27</v>
      </c>
      <c r="D409" s="2">
        <v>120</v>
      </c>
      <c r="E409">
        <v>5</v>
      </c>
      <c r="F409" s="3">
        <v>0</v>
      </c>
      <c r="G409" t="s">
        <v>187</v>
      </c>
      <c r="H409" s="3">
        <v>3</v>
      </c>
      <c r="I409" s="3">
        <v>4</v>
      </c>
    </row>
    <row r="410" spans="1:9" x14ac:dyDescent="0.25">
      <c r="A410" s="1" t="s">
        <v>419</v>
      </c>
      <c r="B410" s="2">
        <v>9</v>
      </c>
      <c r="C410" t="s">
        <v>420</v>
      </c>
      <c r="D410" s="2">
        <v>120</v>
      </c>
      <c r="E410">
        <v>5</v>
      </c>
      <c r="F410" s="3">
        <v>0</v>
      </c>
      <c r="G410" t="s">
        <v>187</v>
      </c>
      <c r="H410" s="3">
        <v>3</v>
      </c>
      <c r="I410" s="3">
        <v>4</v>
      </c>
    </row>
    <row r="411" spans="1:9" x14ac:dyDescent="0.25">
      <c r="A411" s="1" t="s">
        <v>421</v>
      </c>
      <c r="B411" s="2">
        <v>5</v>
      </c>
      <c r="C411" t="s">
        <v>13</v>
      </c>
      <c r="D411" s="2">
        <v>240</v>
      </c>
      <c r="E411">
        <v>5</v>
      </c>
      <c r="F411" s="3">
        <v>2.4</v>
      </c>
      <c r="G411" t="s">
        <v>187</v>
      </c>
      <c r="H411" s="3">
        <v>3</v>
      </c>
      <c r="I411" s="3">
        <v>3</v>
      </c>
    </row>
    <row r="412" spans="1:9" x14ac:dyDescent="0.25">
      <c r="A412" s="1" t="s">
        <v>422</v>
      </c>
      <c r="B412" s="2">
        <v>8</v>
      </c>
      <c r="C412" t="s">
        <v>22</v>
      </c>
      <c r="D412" s="2">
        <v>240</v>
      </c>
      <c r="E412">
        <v>2.5</v>
      </c>
      <c r="F412" s="3">
        <v>0.2</v>
      </c>
      <c r="G412" t="s">
        <v>187</v>
      </c>
      <c r="H412" s="3">
        <v>3</v>
      </c>
      <c r="I412" s="3">
        <v>4</v>
      </c>
    </row>
    <row r="413" spans="1:9" x14ac:dyDescent="0.25">
      <c r="A413" s="1" t="s">
        <v>423</v>
      </c>
      <c r="B413" s="2">
        <v>9</v>
      </c>
      <c r="C413" t="s">
        <v>22</v>
      </c>
      <c r="D413" s="2">
        <v>120</v>
      </c>
      <c r="E413">
        <v>2.5</v>
      </c>
      <c r="F413" s="3">
        <v>0.9</v>
      </c>
      <c r="G413">
        <v>111.11111111111111</v>
      </c>
      <c r="H413" s="3">
        <v>3</v>
      </c>
      <c r="I413" s="3">
        <v>4</v>
      </c>
    </row>
    <row r="414" spans="1:9" x14ac:dyDescent="0.25">
      <c r="A414" s="1" t="s">
        <v>424</v>
      </c>
      <c r="B414" s="2">
        <v>5</v>
      </c>
      <c r="C414" t="s">
        <v>11</v>
      </c>
      <c r="D414" s="2">
        <v>120</v>
      </c>
      <c r="E414">
        <v>2.5</v>
      </c>
      <c r="F414" s="3">
        <v>0.1</v>
      </c>
      <c r="G414" t="s">
        <v>187</v>
      </c>
      <c r="H414" s="3">
        <v>3</v>
      </c>
      <c r="I414" s="3">
        <v>3</v>
      </c>
    </row>
    <row r="415" spans="1:9" x14ac:dyDescent="0.25">
      <c r="A415" s="1" t="s">
        <v>425</v>
      </c>
      <c r="B415" s="2">
        <v>5</v>
      </c>
      <c r="C415" t="s">
        <v>13</v>
      </c>
      <c r="D415" s="2">
        <v>277</v>
      </c>
      <c r="E415">
        <v>5</v>
      </c>
      <c r="F415" s="3">
        <v>2.4</v>
      </c>
      <c r="G415" t="s">
        <v>187</v>
      </c>
      <c r="H415" s="3">
        <v>3</v>
      </c>
      <c r="I415" s="3">
        <v>3</v>
      </c>
    </row>
    <row r="416" spans="1:9" x14ac:dyDescent="0.25">
      <c r="A416" s="1" t="s">
        <v>426</v>
      </c>
      <c r="B416" s="2">
        <v>14</v>
      </c>
      <c r="C416" t="s">
        <v>22</v>
      </c>
      <c r="D416" s="2">
        <v>277</v>
      </c>
      <c r="E416">
        <v>15</v>
      </c>
      <c r="F416" s="3">
        <v>21.6</v>
      </c>
      <c r="G416">
        <v>9.2592592592592595</v>
      </c>
      <c r="H416" s="3">
        <v>3</v>
      </c>
      <c r="I416" s="3">
        <v>4</v>
      </c>
    </row>
    <row r="417" spans="1:9" x14ac:dyDescent="0.25">
      <c r="A417" s="1" t="s">
        <v>427</v>
      </c>
      <c r="B417" s="2">
        <v>14</v>
      </c>
      <c r="C417" t="s">
        <v>22</v>
      </c>
      <c r="D417" s="2">
        <v>277</v>
      </c>
      <c r="E417">
        <v>30</v>
      </c>
      <c r="F417" s="3">
        <v>43.2</v>
      </c>
      <c r="G417">
        <v>4.6296296296296298</v>
      </c>
      <c r="H417" s="3">
        <v>3</v>
      </c>
      <c r="I417" s="3">
        <v>4</v>
      </c>
    </row>
    <row r="418" spans="1:9" x14ac:dyDescent="0.25">
      <c r="A418" s="1" t="s">
        <v>428</v>
      </c>
      <c r="B418" s="2">
        <v>16</v>
      </c>
      <c r="C418" t="s">
        <v>22</v>
      </c>
      <c r="D418" s="2">
        <v>277</v>
      </c>
      <c r="E418">
        <v>15</v>
      </c>
      <c r="F418" s="3">
        <v>21.6</v>
      </c>
      <c r="G418">
        <v>9.2592592592592595</v>
      </c>
      <c r="H418" s="3">
        <v>3</v>
      </c>
      <c r="I418" s="3">
        <v>4</v>
      </c>
    </row>
    <row r="419" spans="1:9" x14ac:dyDescent="0.25">
      <c r="A419" s="1" t="s">
        <v>429</v>
      </c>
      <c r="B419" s="2">
        <v>16</v>
      </c>
      <c r="C419" t="s">
        <v>22</v>
      </c>
      <c r="D419" s="2">
        <v>277</v>
      </c>
      <c r="E419">
        <v>30</v>
      </c>
      <c r="F419" s="3">
        <v>43.2</v>
      </c>
      <c r="G419">
        <v>4.6296296296296298</v>
      </c>
      <c r="H419" s="3">
        <v>3</v>
      </c>
      <c r="I419" s="3">
        <v>4</v>
      </c>
    </row>
    <row r="420" spans="1:9" x14ac:dyDescent="0.25">
      <c r="A420" s="1" t="s">
        <v>430</v>
      </c>
      <c r="B420" s="2">
        <v>9</v>
      </c>
      <c r="C420" t="s">
        <v>22</v>
      </c>
      <c r="D420" s="2">
        <v>240</v>
      </c>
      <c r="E420">
        <v>2.5</v>
      </c>
      <c r="F420" s="3">
        <v>3.6</v>
      </c>
      <c r="G420">
        <v>55.555555555555557</v>
      </c>
      <c r="H420" s="3">
        <v>3</v>
      </c>
      <c r="I420" s="3">
        <v>4</v>
      </c>
    </row>
    <row r="421" spans="1:9" x14ac:dyDescent="0.25">
      <c r="A421" s="1" t="s">
        <v>431</v>
      </c>
      <c r="B421" s="2">
        <v>8</v>
      </c>
      <c r="C421" t="s">
        <v>22</v>
      </c>
      <c r="D421" s="2">
        <v>240</v>
      </c>
      <c r="E421">
        <v>2.5</v>
      </c>
      <c r="F421" s="3">
        <v>2.4</v>
      </c>
      <c r="G421">
        <v>41.666666666666664</v>
      </c>
      <c r="H421" s="3">
        <v>3</v>
      </c>
      <c r="I421" s="3">
        <v>4</v>
      </c>
    </row>
    <row r="422" spans="1:9" x14ac:dyDescent="0.25">
      <c r="A422" s="1" t="s">
        <v>432</v>
      </c>
      <c r="B422" s="2">
        <v>8</v>
      </c>
      <c r="C422" t="s">
        <v>22</v>
      </c>
      <c r="D422" s="2">
        <v>240</v>
      </c>
      <c r="E422">
        <v>2.5</v>
      </c>
      <c r="F422" s="3">
        <v>2.4</v>
      </c>
      <c r="G422">
        <v>83.333333333333329</v>
      </c>
      <c r="H422" s="3">
        <v>3</v>
      </c>
      <c r="I422" s="3">
        <v>4</v>
      </c>
    </row>
    <row r="423" spans="1:9" x14ac:dyDescent="0.25">
      <c r="A423" s="1" t="s">
        <v>433</v>
      </c>
      <c r="B423" s="2">
        <v>15</v>
      </c>
      <c r="C423" t="s">
        <v>22</v>
      </c>
      <c r="D423" s="2">
        <v>240</v>
      </c>
      <c r="E423">
        <v>15</v>
      </c>
      <c r="F423" s="3">
        <v>14.4</v>
      </c>
      <c r="G423">
        <v>6.9444444444444446</v>
      </c>
      <c r="H423" s="3">
        <v>3</v>
      </c>
      <c r="I423" s="3">
        <v>4</v>
      </c>
    </row>
    <row r="424" spans="1:9" x14ac:dyDescent="0.25">
      <c r="A424" s="1" t="s">
        <v>434</v>
      </c>
      <c r="B424" s="2">
        <v>15</v>
      </c>
      <c r="C424" t="s">
        <v>22</v>
      </c>
      <c r="D424" s="2">
        <v>240</v>
      </c>
      <c r="E424">
        <v>15</v>
      </c>
      <c r="F424" s="3">
        <v>14.4</v>
      </c>
      <c r="G424">
        <v>13.888888888888889</v>
      </c>
      <c r="H424" s="3">
        <v>3</v>
      </c>
      <c r="I424" s="3">
        <v>4</v>
      </c>
    </row>
    <row r="425" spans="1:9" x14ac:dyDescent="0.25">
      <c r="A425" s="1" t="s">
        <v>435</v>
      </c>
      <c r="B425" s="2">
        <v>15</v>
      </c>
      <c r="C425" t="s">
        <v>22</v>
      </c>
      <c r="D425" s="2">
        <v>240</v>
      </c>
      <c r="E425">
        <v>15</v>
      </c>
      <c r="F425" s="3">
        <v>14.4</v>
      </c>
      <c r="G425">
        <v>69.444444444444443</v>
      </c>
      <c r="H425" s="3">
        <v>3</v>
      </c>
      <c r="I425" s="3">
        <v>4</v>
      </c>
    </row>
    <row r="426" spans="1:9" x14ac:dyDescent="0.25">
      <c r="A426" s="1" t="s">
        <v>436</v>
      </c>
      <c r="B426" s="2">
        <v>15</v>
      </c>
      <c r="C426" t="s">
        <v>22</v>
      </c>
      <c r="D426" s="2">
        <v>240</v>
      </c>
      <c r="E426">
        <v>15</v>
      </c>
      <c r="F426" s="3">
        <v>14.4</v>
      </c>
      <c r="G426">
        <v>138.88888888888889</v>
      </c>
      <c r="H426" s="3">
        <v>3</v>
      </c>
      <c r="I426" s="3">
        <v>4</v>
      </c>
    </row>
    <row r="427" spans="1:9" x14ac:dyDescent="0.25">
      <c r="A427" s="1" t="s">
        <v>437</v>
      </c>
      <c r="B427" s="2">
        <v>15</v>
      </c>
      <c r="C427" t="s">
        <v>22</v>
      </c>
      <c r="D427" s="2">
        <v>240</v>
      </c>
      <c r="E427">
        <v>30</v>
      </c>
      <c r="F427" s="3">
        <v>28.8</v>
      </c>
      <c r="G427">
        <v>6.9444444444444446</v>
      </c>
      <c r="H427" s="3">
        <v>3</v>
      </c>
      <c r="I427" s="3">
        <v>4</v>
      </c>
    </row>
    <row r="428" spans="1:9" x14ac:dyDescent="0.25">
      <c r="A428" s="1" t="s">
        <v>438</v>
      </c>
      <c r="B428" s="2">
        <v>15</v>
      </c>
      <c r="C428" t="s">
        <v>22</v>
      </c>
      <c r="D428" s="2">
        <v>240</v>
      </c>
      <c r="E428">
        <v>30</v>
      </c>
      <c r="F428" s="3">
        <v>28.8</v>
      </c>
      <c r="G428">
        <v>69.444444444444443</v>
      </c>
      <c r="H428" s="3">
        <v>3</v>
      </c>
      <c r="I428" s="3">
        <v>4</v>
      </c>
    </row>
    <row r="429" spans="1:9" x14ac:dyDescent="0.25">
      <c r="A429" s="1" t="s">
        <v>439</v>
      </c>
      <c r="B429" s="2">
        <v>5</v>
      </c>
      <c r="C429" t="s">
        <v>22</v>
      </c>
      <c r="D429" s="2">
        <v>480</v>
      </c>
      <c r="E429">
        <v>2.5</v>
      </c>
      <c r="F429" s="3">
        <v>4.8</v>
      </c>
      <c r="G429">
        <v>41.666666666666664</v>
      </c>
      <c r="H429" s="3">
        <v>3</v>
      </c>
      <c r="I429" s="3">
        <v>3</v>
      </c>
    </row>
    <row r="430" spans="1:9" x14ac:dyDescent="0.25">
      <c r="A430" s="1" t="s">
        <v>440</v>
      </c>
      <c r="B430" s="2">
        <v>12</v>
      </c>
      <c r="C430" t="s">
        <v>22</v>
      </c>
      <c r="D430" s="2">
        <v>480</v>
      </c>
      <c r="E430">
        <v>15</v>
      </c>
      <c r="F430" s="3">
        <v>28.8</v>
      </c>
      <c r="G430">
        <v>6.9444444444444446</v>
      </c>
      <c r="H430" s="3">
        <v>3</v>
      </c>
      <c r="I430" s="3">
        <v>3</v>
      </c>
    </row>
    <row r="431" spans="1:9" x14ac:dyDescent="0.25">
      <c r="A431" s="1" t="s">
        <v>441</v>
      </c>
      <c r="B431" s="2">
        <v>12</v>
      </c>
      <c r="C431" t="s">
        <v>22</v>
      </c>
      <c r="D431" s="2">
        <v>480</v>
      </c>
      <c r="E431">
        <v>30</v>
      </c>
      <c r="F431" s="3">
        <v>57.6</v>
      </c>
      <c r="G431">
        <v>3.4722222222222223</v>
      </c>
      <c r="H431" s="3">
        <v>3</v>
      </c>
      <c r="I431" s="3">
        <v>3</v>
      </c>
    </row>
    <row r="432" spans="1:9" x14ac:dyDescent="0.25">
      <c r="A432" s="1" t="s">
        <v>442</v>
      </c>
      <c r="B432" s="2">
        <v>13</v>
      </c>
      <c r="C432" t="s">
        <v>11</v>
      </c>
      <c r="D432" s="2">
        <v>240</v>
      </c>
      <c r="E432">
        <v>2.5</v>
      </c>
      <c r="F432" s="3">
        <v>1.2</v>
      </c>
      <c r="G432">
        <v>83.333333333333329</v>
      </c>
      <c r="H432" s="3">
        <v>3</v>
      </c>
      <c r="I432" s="3">
        <v>3</v>
      </c>
    </row>
    <row r="433" spans="1:9" x14ac:dyDescent="0.25">
      <c r="A433" s="1" t="s">
        <v>443</v>
      </c>
      <c r="B433" s="2">
        <v>13</v>
      </c>
      <c r="C433" t="s">
        <v>11</v>
      </c>
      <c r="D433" s="2">
        <v>240</v>
      </c>
      <c r="E433">
        <v>2.5</v>
      </c>
      <c r="F433" s="3">
        <v>2.4</v>
      </c>
      <c r="G433">
        <v>83.333333333333329</v>
      </c>
      <c r="H433" s="3">
        <v>3</v>
      </c>
      <c r="I433" s="3">
        <v>3</v>
      </c>
    </row>
    <row r="434" spans="1:9" x14ac:dyDescent="0.25">
      <c r="A434" s="1" t="s">
        <v>444</v>
      </c>
      <c r="B434" s="2">
        <v>13</v>
      </c>
      <c r="C434" t="s">
        <v>11</v>
      </c>
      <c r="D434" s="2">
        <v>120</v>
      </c>
      <c r="E434">
        <v>2.5</v>
      </c>
      <c r="F434" s="3">
        <v>0.6</v>
      </c>
      <c r="G434">
        <v>166.66666666666666</v>
      </c>
      <c r="H434" s="3">
        <v>3</v>
      </c>
      <c r="I434" s="3">
        <v>4</v>
      </c>
    </row>
    <row r="435" spans="1:9" x14ac:dyDescent="0.25">
      <c r="A435" s="1" t="s">
        <v>445</v>
      </c>
      <c r="B435" s="2">
        <v>14</v>
      </c>
      <c r="C435" t="s">
        <v>11</v>
      </c>
      <c r="D435" s="2">
        <v>120</v>
      </c>
      <c r="E435">
        <v>15</v>
      </c>
      <c r="F435" s="3">
        <v>10.8</v>
      </c>
      <c r="G435">
        <v>18.518518518518519</v>
      </c>
      <c r="H435" s="3">
        <v>3</v>
      </c>
      <c r="I435" s="3">
        <v>4</v>
      </c>
    </row>
    <row r="436" spans="1:9" x14ac:dyDescent="0.25">
      <c r="A436" s="1" t="s">
        <v>446</v>
      </c>
      <c r="B436" s="2">
        <v>14</v>
      </c>
      <c r="C436" t="s">
        <v>11</v>
      </c>
      <c r="D436" s="2">
        <v>120</v>
      </c>
      <c r="E436">
        <v>15</v>
      </c>
      <c r="F436" s="3">
        <v>10.8</v>
      </c>
      <c r="G436">
        <v>185.18518518518519</v>
      </c>
      <c r="H436" s="3">
        <v>3</v>
      </c>
      <c r="I436" s="3">
        <v>4</v>
      </c>
    </row>
    <row r="437" spans="1:9" x14ac:dyDescent="0.25">
      <c r="A437" s="1" t="s">
        <v>447</v>
      </c>
      <c r="B437" s="2">
        <v>14</v>
      </c>
      <c r="C437" t="s">
        <v>11</v>
      </c>
      <c r="D437" s="2">
        <v>120</v>
      </c>
      <c r="E437">
        <v>30</v>
      </c>
      <c r="F437" s="3">
        <v>21.6</v>
      </c>
      <c r="G437">
        <v>9.2592592592592595</v>
      </c>
      <c r="H437" s="3">
        <v>3</v>
      </c>
      <c r="I437" s="3">
        <v>4</v>
      </c>
    </row>
    <row r="438" spans="1:9" x14ac:dyDescent="0.25">
      <c r="A438" s="1" t="s">
        <v>448</v>
      </c>
      <c r="B438" s="2">
        <v>14</v>
      </c>
      <c r="C438" t="s">
        <v>11</v>
      </c>
      <c r="D438" s="2">
        <v>120</v>
      </c>
      <c r="E438">
        <v>30</v>
      </c>
      <c r="F438" s="3">
        <v>21.6</v>
      </c>
      <c r="G438">
        <v>92.592592592592595</v>
      </c>
      <c r="H438" s="3">
        <v>3</v>
      </c>
      <c r="I438" s="3">
        <v>4</v>
      </c>
    </row>
    <row r="439" spans="1:9" x14ac:dyDescent="0.25">
      <c r="A439" s="1" t="s">
        <v>449</v>
      </c>
      <c r="B439" s="2">
        <v>16</v>
      </c>
      <c r="C439" t="s">
        <v>11</v>
      </c>
      <c r="D439" s="2">
        <v>120</v>
      </c>
      <c r="E439">
        <v>15</v>
      </c>
      <c r="F439" s="3">
        <v>10.8</v>
      </c>
      <c r="G439">
        <v>18.518518518518519</v>
      </c>
      <c r="H439" s="3">
        <v>3</v>
      </c>
      <c r="I439" s="3">
        <v>4</v>
      </c>
    </row>
    <row r="440" spans="1:9" x14ac:dyDescent="0.25">
      <c r="A440" s="1" t="s">
        <v>450</v>
      </c>
      <c r="B440" s="2">
        <v>16</v>
      </c>
      <c r="C440" t="s">
        <v>11</v>
      </c>
      <c r="D440" s="2">
        <v>120</v>
      </c>
      <c r="E440">
        <v>15</v>
      </c>
      <c r="F440" s="3">
        <v>10.8</v>
      </c>
      <c r="G440">
        <v>185.18518518518519</v>
      </c>
      <c r="H440" s="3">
        <v>3</v>
      </c>
      <c r="I440" s="3">
        <v>4</v>
      </c>
    </row>
    <row r="441" spans="1:9" x14ac:dyDescent="0.25">
      <c r="A441" s="1" t="s">
        <v>451</v>
      </c>
      <c r="B441" s="2">
        <v>16</v>
      </c>
      <c r="C441" t="s">
        <v>11</v>
      </c>
      <c r="D441" s="2">
        <v>120</v>
      </c>
      <c r="E441">
        <v>30</v>
      </c>
      <c r="F441" s="3">
        <v>21.6</v>
      </c>
      <c r="G441">
        <v>9.2592592592592595</v>
      </c>
      <c r="H441" s="3">
        <v>3</v>
      </c>
      <c r="I441" s="3">
        <v>4</v>
      </c>
    </row>
    <row r="442" spans="1:9" x14ac:dyDescent="0.25">
      <c r="A442" s="1" t="s">
        <v>452</v>
      </c>
      <c r="B442" s="2">
        <v>9</v>
      </c>
      <c r="C442" t="s">
        <v>22</v>
      </c>
      <c r="D442" s="2">
        <v>277</v>
      </c>
      <c r="E442">
        <v>2.5</v>
      </c>
      <c r="F442" s="3">
        <v>0.3</v>
      </c>
      <c r="G442" t="s">
        <v>187</v>
      </c>
      <c r="H442" s="3">
        <v>3</v>
      </c>
      <c r="I442" s="3">
        <v>4</v>
      </c>
    </row>
    <row r="443" spans="1:9" x14ac:dyDescent="0.25">
      <c r="A443" s="1" t="s">
        <v>453</v>
      </c>
      <c r="B443" s="2">
        <v>5</v>
      </c>
      <c r="C443" t="s">
        <v>22</v>
      </c>
      <c r="D443" s="2">
        <v>240</v>
      </c>
      <c r="E443">
        <v>2.5</v>
      </c>
      <c r="F443" s="3">
        <v>2.4</v>
      </c>
      <c r="G443">
        <v>6.9444444444444446</v>
      </c>
      <c r="H443" s="3">
        <v>3</v>
      </c>
      <c r="I443" s="3">
        <v>3</v>
      </c>
    </row>
    <row r="444" spans="1:9" x14ac:dyDescent="0.25">
      <c r="A444" s="1" t="s">
        <v>454</v>
      </c>
      <c r="B444" s="2">
        <v>5</v>
      </c>
      <c r="C444" t="s">
        <v>27</v>
      </c>
      <c r="D444" s="2">
        <v>120</v>
      </c>
      <c r="E444">
        <v>5</v>
      </c>
      <c r="F444" s="3">
        <v>0</v>
      </c>
      <c r="G444" t="s">
        <v>187</v>
      </c>
      <c r="H444" s="3">
        <v>3</v>
      </c>
      <c r="I444" s="3">
        <v>4</v>
      </c>
    </row>
    <row r="445" spans="1:9" x14ac:dyDescent="0.25">
      <c r="A445" s="1" t="s">
        <v>455</v>
      </c>
      <c r="B445" s="2">
        <v>5</v>
      </c>
      <c r="C445" t="s">
        <v>22</v>
      </c>
      <c r="D445" s="2">
        <v>120</v>
      </c>
      <c r="E445">
        <v>5</v>
      </c>
      <c r="F445" s="3">
        <v>0</v>
      </c>
      <c r="G445" t="s">
        <v>187</v>
      </c>
      <c r="H445" s="3">
        <v>3</v>
      </c>
      <c r="I445" s="3">
        <v>4</v>
      </c>
    </row>
    <row r="446" spans="1:9" x14ac:dyDescent="0.25">
      <c r="A446" s="1" t="s">
        <v>456</v>
      </c>
      <c r="B446" s="2">
        <v>10</v>
      </c>
      <c r="C446" t="s">
        <v>13</v>
      </c>
      <c r="D446" s="2">
        <v>240</v>
      </c>
      <c r="E446">
        <v>2.5</v>
      </c>
      <c r="F446" s="3">
        <v>3.6</v>
      </c>
      <c r="G446" t="s">
        <v>187</v>
      </c>
      <c r="H446" s="3">
        <v>3</v>
      </c>
      <c r="I446" s="3">
        <v>4</v>
      </c>
    </row>
    <row r="447" spans="1:9" x14ac:dyDescent="0.25">
      <c r="A447" s="1" t="s">
        <v>457</v>
      </c>
      <c r="B447" s="2">
        <v>12</v>
      </c>
      <c r="C447" t="s">
        <v>13</v>
      </c>
      <c r="D447" s="2">
        <v>480</v>
      </c>
      <c r="E447">
        <v>45</v>
      </c>
      <c r="F447" s="3">
        <v>72</v>
      </c>
      <c r="G447" t="s">
        <v>187</v>
      </c>
      <c r="H447" s="3">
        <v>3</v>
      </c>
      <c r="I447" s="3">
        <v>3</v>
      </c>
    </row>
    <row r="448" spans="1:9" x14ac:dyDescent="0.25">
      <c r="A448" s="1" t="s">
        <v>458</v>
      </c>
      <c r="B448" s="2">
        <v>3</v>
      </c>
      <c r="C448" t="s">
        <v>13</v>
      </c>
      <c r="D448" s="2">
        <v>480</v>
      </c>
      <c r="E448">
        <v>2.5</v>
      </c>
      <c r="F448" s="3">
        <v>1.2</v>
      </c>
      <c r="G448" t="s">
        <v>187</v>
      </c>
      <c r="H448" s="3">
        <v>1</v>
      </c>
      <c r="I448" s="3">
        <v>2</v>
      </c>
    </row>
    <row r="449" spans="1:9" x14ac:dyDescent="0.25">
      <c r="A449" s="1" t="s">
        <v>459</v>
      </c>
      <c r="B449" s="2">
        <v>15</v>
      </c>
      <c r="C449" t="s">
        <v>13</v>
      </c>
      <c r="D449" s="2">
        <v>240</v>
      </c>
      <c r="E449">
        <v>50</v>
      </c>
      <c r="F449" s="3">
        <v>3</v>
      </c>
      <c r="G449" t="s">
        <v>187</v>
      </c>
      <c r="H449" s="3">
        <v>3</v>
      </c>
      <c r="I449" s="3">
        <v>4</v>
      </c>
    </row>
    <row r="450" spans="1:9" x14ac:dyDescent="0.25">
      <c r="A450" s="1" t="s">
        <v>460</v>
      </c>
      <c r="B450" s="2">
        <v>14</v>
      </c>
      <c r="C450" t="s">
        <v>13</v>
      </c>
      <c r="D450" s="2">
        <v>120</v>
      </c>
      <c r="E450">
        <v>45</v>
      </c>
      <c r="F450" s="3">
        <v>2.25</v>
      </c>
      <c r="G450" t="s">
        <v>187</v>
      </c>
      <c r="H450" s="3">
        <v>3</v>
      </c>
      <c r="I450" s="3">
        <v>4</v>
      </c>
    </row>
    <row r="451" spans="1:9" x14ac:dyDescent="0.25">
      <c r="A451" s="1" t="s">
        <v>461</v>
      </c>
      <c r="B451" s="2">
        <v>14</v>
      </c>
      <c r="C451" t="s">
        <v>13</v>
      </c>
      <c r="D451" s="2">
        <v>120</v>
      </c>
      <c r="E451">
        <v>50</v>
      </c>
      <c r="F451" s="3">
        <v>2.25</v>
      </c>
      <c r="G451" t="s">
        <v>187</v>
      </c>
      <c r="H451" s="3">
        <v>3</v>
      </c>
      <c r="I451" s="3">
        <v>4</v>
      </c>
    </row>
    <row r="452" spans="1:9" x14ac:dyDescent="0.25">
      <c r="A452" s="1" t="s">
        <v>462</v>
      </c>
      <c r="B452" s="2">
        <v>16</v>
      </c>
      <c r="C452" t="s">
        <v>11</v>
      </c>
      <c r="D452" s="2">
        <v>120</v>
      </c>
      <c r="E452">
        <v>30</v>
      </c>
      <c r="F452" s="3">
        <v>21.6</v>
      </c>
      <c r="G452">
        <v>92.592592592592595</v>
      </c>
      <c r="H452" s="3">
        <v>3</v>
      </c>
      <c r="I452" s="3">
        <v>4</v>
      </c>
    </row>
    <row r="453" spans="1:9" x14ac:dyDescent="0.25">
      <c r="A453" s="1" t="s">
        <v>463</v>
      </c>
      <c r="B453" s="2">
        <v>6</v>
      </c>
      <c r="C453" t="s">
        <v>11</v>
      </c>
      <c r="D453" s="2">
        <v>277</v>
      </c>
      <c r="E453">
        <v>2.5</v>
      </c>
      <c r="F453" s="3">
        <v>3.6</v>
      </c>
      <c r="G453">
        <v>27.777777777777779</v>
      </c>
      <c r="H453" s="3">
        <v>3</v>
      </c>
      <c r="I453" s="3">
        <v>4</v>
      </c>
    </row>
    <row r="454" spans="1:9" x14ac:dyDescent="0.25">
      <c r="A454" s="1" t="s">
        <v>464</v>
      </c>
      <c r="B454" s="2">
        <v>6</v>
      </c>
      <c r="C454" t="s">
        <v>11</v>
      </c>
      <c r="D454" s="2">
        <v>277</v>
      </c>
      <c r="E454">
        <v>2.5</v>
      </c>
      <c r="F454" s="3">
        <v>3.6</v>
      </c>
      <c r="G454">
        <v>55.555555555555557</v>
      </c>
      <c r="H454" s="3">
        <v>3</v>
      </c>
      <c r="I454" s="3">
        <v>4</v>
      </c>
    </row>
    <row r="455" spans="1:9" x14ac:dyDescent="0.25">
      <c r="A455" s="1" t="s">
        <v>465</v>
      </c>
      <c r="B455" s="2">
        <v>9</v>
      </c>
      <c r="C455" t="s">
        <v>11</v>
      </c>
      <c r="D455" s="2">
        <v>277</v>
      </c>
      <c r="E455">
        <v>2.5</v>
      </c>
      <c r="F455" s="3">
        <v>1.8</v>
      </c>
      <c r="G455">
        <v>111.11111111111111</v>
      </c>
      <c r="H455" s="3">
        <v>3</v>
      </c>
      <c r="I455" s="3">
        <v>4</v>
      </c>
    </row>
    <row r="456" spans="1:9" x14ac:dyDescent="0.25">
      <c r="A456" s="1" t="s">
        <v>466</v>
      </c>
      <c r="B456" s="2">
        <v>9</v>
      </c>
      <c r="C456" t="s">
        <v>11</v>
      </c>
      <c r="D456" s="2">
        <v>277</v>
      </c>
      <c r="E456">
        <v>2.5</v>
      </c>
      <c r="F456" s="3">
        <v>3.6</v>
      </c>
      <c r="G456">
        <v>27.777777777777779</v>
      </c>
      <c r="H456" s="3">
        <v>3</v>
      </c>
      <c r="I456" s="3">
        <v>4</v>
      </c>
    </row>
    <row r="457" spans="1:9" x14ac:dyDescent="0.25">
      <c r="A457" s="1" t="s">
        <v>467</v>
      </c>
      <c r="B457" s="2">
        <v>9</v>
      </c>
      <c r="C457" t="s">
        <v>11</v>
      </c>
      <c r="D457" s="2">
        <v>277</v>
      </c>
      <c r="E457">
        <v>2.5</v>
      </c>
      <c r="F457" s="3">
        <v>3.6</v>
      </c>
      <c r="G457">
        <v>55.555555555555557</v>
      </c>
      <c r="H457" s="3">
        <v>3</v>
      </c>
      <c r="I457" s="3">
        <v>4</v>
      </c>
    </row>
    <row r="458" spans="1:9" x14ac:dyDescent="0.25">
      <c r="A458" s="1" t="s">
        <v>468</v>
      </c>
      <c r="B458" s="2">
        <v>14</v>
      </c>
      <c r="C458" t="s">
        <v>11</v>
      </c>
      <c r="D458" s="2">
        <v>277</v>
      </c>
      <c r="E458">
        <v>15</v>
      </c>
      <c r="F458" s="3">
        <v>21.6</v>
      </c>
      <c r="G458">
        <v>9.2592592592592595</v>
      </c>
      <c r="H458" s="3">
        <v>3</v>
      </c>
      <c r="I458" s="3">
        <v>4</v>
      </c>
    </row>
    <row r="459" spans="1:9" x14ac:dyDescent="0.25">
      <c r="A459" s="1" t="s">
        <v>469</v>
      </c>
      <c r="B459" s="2">
        <v>14</v>
      </c>
      <c r="C459" t="s">
        <v>11</v>
      </c>
      <c r="D459" s="2">
        <v>277</v>
      </c>
      <c r="E459">
        <v>15</v>
      </c>
      <c r="F459" s="3">
        <v>21.6</v>
      </c>
      <c r="G459">
        <v>92.592592592592595</v>
      </c>
      <c r="H459" s="3">
        <v>3</v>
      </c>
      <c r="I459" s="3">
        <v>4</v>
      </c>
    </row>
    <row r="460" spans="1:9" x14ac:dyDescent="0.25">
      <c r="A460" s="1" t="s">
        <v>470</v>
      </c>
      <c r="B460" s="2">
        <v>14</v>
      </c>
      <c r="C460" t="s">
        <v>11</v>
      </c>
      <c r="D460" s="2">
        <v>277</v>
      </c>
      <c r="E460">
        <v>30</v>
      </c>
      <c r="F460" s="3">
        <v>43.2</v>
      </c>
      <c r="G460">
        <v>4.6296296296296298</v>
      </c>
      <c r="H460" s="3">
        <v>3</v>
      </c>
      <c r="I460" s="3">
        <v>4</v>
      </c>
    </row>
    <row r="461" spans="1:9" x14ac:dyDescent="0.25">
      <c r="A461" s="1" t="s">
        <v>471</v>
      </c>
      <c r="B461" s="2">
        <v>14</v>
      </c>
      <c r="C461" t="s">
        <v>11</v>
      </c>
      <c r="D461" s="2">
        <v>277</v>
      </c>
      <c r="E461">
        <v>30</v>
      </c>
      <c r="F461" s="3">
        <v>43.2</v>
      </c>
      <c r="G461">
        <v>46.296296296296298</v>
      </c>
      <c r="H461" s="3">
        <v>3</v>
      </c>
      <c r="I461" s="3">
        <v>4</v>
      </c>
    </row>
    <row r="462" spans="1:9" x14ac:dyDescent="0.25">
      <c r="A462" s="1" t="s">
        <v>472</v>
      </c>
      <c r="B462" s="2">
        <v>16</v>
      </c>
      <c r="C462" t="s">
        <v>11</v>
      </c>
      <c r="D462" s="2">
        <v>277</v>
      </c>
      <c r="E462">
        <v>15</v>
      </c>
      <c r="F462" s="3">
        <v>21.6</v>
      </c>
      <c r="G462">
        <v>9.2592592592592595</v>
      </c>
      <c r="H462" s="3">
        <v>3</v>
      </c>
      <c r="I462" s="3">
        <v>4</v>
      </c>
    </row>
    <row r="463" spans="1:9" x14ac:dyDescent="0.25">
      <c r="A463" s="1" t="s">
        <v>473</v>
      </c>
      <c r="B463" s="2">
        <v>16</v>
      </c>
      <c r="C463" t="s">
        <v>11</v>
      </c>
      <c r="D463" s="2">
        <v>277</v>
      </c>
      <c r="E463">
        <v>15</v>
      </c>
      <c r="F463" s="3">
        <v>21.6</v>
      </c>
      <c r="G463">
        <v>92.592592592592595</v>
      </c>
      <c r="H463" s="3">
        <v>3</v>
      </c>
      <c r="I463" s="3">
        <v>4</v>
      </c>
    </row>
    <row r="464" spans="1:9" x14ac:dyDescent="0.25">
      <c r="A464" s="1" t="s">
        <v>474</v>
      </c>
      <c r="B464" s="2">
        <v>16</v>
      </c>
      <c r="C464" t="s">
        <v>11</v>
      </c>
      <c r="D464" s="2">
        <v>277</v>
      </c>
      <c r="E464">
        <v>30</v>
      </c>
      <c r="F464" s="3">
        <v>43.2</v>
      </c>
      <c r="G464">
        <v>4.6296296296296298</v>
      </c>
      <c r="H464" s="3">
        <v>3</v>
      </c>
      <c r="I464" s="3">
        <v>4</v>
      </c>
    </row>
    <row r="465" spans="1:9" x14ac:dyDescent="0.25">
      <c r="A465" s="1" t="s">
        <v>475</v>
      </c>
      <c r="B465" s="2">
        <v>16</v>
      </c>
      <c r="C465" t="s">
        <v>11</v>
      </c>
      <c r="D465" s="2">
        <v>277</v>
      </c>
      <c r="E465">
        <v>30</v>
      </c>
      <c r="F465" s="3">
        <v>43.2</v>
      </c>
      <c r="G465">
        <v>46.296296296296298</v>
      </c>
      <c r="H465" s="3">
        <v>3</v>
      </c>
      <c r="I465" s="3">
        <v>4</v>
      </c>
    </row>
    <row r="466" spans="1:9" x14ac:dyDescent="0.25">
      <c r="A466" s="1" t="s">
        <v>476</v>
      </c>
      <c r="B466" s="2">
        <v>5</v>
      </c>
      <c r="C466" t="s">
        <v>11</v>
      </c>
      <c r="D466" s="2">
        <v>240</v>
      </c>
      <c r="E466">
        <v>2.5</v>
      </c>
      <c r="F466" s="3">
        <v>1.2</v>
      </c>
      <c r="G466">
        <v>83.333333333333329</v>
      </c>
      <c r="H466" s="3">
        <v>3</v>
      </c>
      <c r="I466" s="3">
        <v>3</v>
      </c>
    </row>
    <row r="467" spans="1:9" x14ac:dyDescent="0.25">
      <c r="A467" s="1" t="s">
        <v>477</v>
      </c>
      <c r="B467" s="2">
        <v>5</v>
      </c>
      <c r="C467" t="s">
        <v>11</v>
      </c>
      <c r="D467" s="2">
        <v>240</v>
      </c>
      <c r="E467">
        <v>2.5</v>
      </c>
      <c r="F467" s="3">
        <v>2.4</v>
      </c>
      <c r="G467">
        <v>83.333333333333329</v>
      </c>
      <c r="H467" s="3">
        <v>3</v>
      </c>
      <c r="I467" s="3">
        <v>3</v>
      </c>
    </row>
    <row r="468" spans="1:9" x14ac:dyDescent="0.25">
      <c r="A468" s="1" t="s">
        <v>478</v>
      </c>
      <c r="B468" s="2">
        <v>8</v>
      </c>
      <c r="C468" t="s">
        <v>11</v>
      </c>
      <c r="D468" s="2">
        <v>240</v>
      </c>
      <c r="E468">
        <v>2.5</v>
      </c>
      <c r="F468" s="3">
        <v>1.2</v>
      </c>
      <c r="G468">
        <v>83.333333333333329</v>
      </c>
      <c r="H468" s="3">
        <v>3</v>
      </c>
      <c r="I468" s="3">
        <v>4</v>
      </c>
    </row>
    <row r="469" spans="1:9" x14ac:dyDescent="0.25">
      <c r="A469" s="1" t="s">
        <v>479</v>
      </c>
      <c r="B469" s="2">
        <v>8</v>
      </c>
      <c r="C469" t="s">
        <v>11</v>
      </c>
      <c r="D469" s="2">
        <v>240</v>
      </c>
      <c r="E469">
        <v>2.5</v>
      </c>
      <c r="F469" s="3">
        <v>2.4</v>
      </c>
      <c r="G469">
        <v>41.666666666666664</v>
      </c>
      <c r="H469" s="3">
        <v>3</v>
      </c>
      <c r="I469" s="3">
        <v>4</v>
      </c>
    </row>
    <row r="470" spans="1:9" x14ac:dyDescent="0.25">
      <c r="A470" s="1" t="s">
        <v>480</v>
      </c>
      <c r="B470" s="2">
        <v>8</v>
      </c>
      <c r="C470" t="s">
        <v>11</v>
      </c>
      <c r="D470" s="2">
        <v>240</v>
      </c>
      <c r="E470">
        <v>2.5</v>
      </c>
      <c r="F470" s="3">
        <v>2.4</v>
      </c>
      <c r="G470">
        <v>83.333333333333329</v>
      </c>
      <c r="H470" s="3">
        <v>3</v>
      </c>
      <c r="I470" s="3">
        <v>4</v>
      </c>
    </row>
    <row r="471" spans="1:9" x14ac:dyDescent="0.25">
      <c r="A471" s="1" t="s">
        <v>481</v>
      </c>
      <c r="B471" s="2">
        <v>15</v>
      </c>
      <c r="C471" t="s">
        <v>11</v>
      </c>
      <c r="D471" s="2">
        <v>240</v>
      </c>
      <c r="E471">
        <v>15</v>
      </c>
      <c r="F471" s="3">
        <v>14.4</v>
      </c>
      <c r="G471">
        <v>13.888888888888889</v>
      </c>
      <c r="H471" s="3">
        <v>3</v>
      </c>
      <c r="I471" s="3">
        <v>4</v>
      </c>
    </row>
    <row r="472" spans="1:9" x14ac:dyDescent="0.25">
      <c r="A472" s="1" t="s">
        <v>482</v>
      </c>
      <c r="B472" s="2">
        <v>15</v>
      </c>
      <c r="C472" t="s">
        <v>11</v>
      </c>
      <c r="D472" s="2">
        <v>240</v>
      </c>
      <c r="E472">
        <v>15</v>
      </c>
      <c r="F472" s="3">
        <v>14.4</v>
      </c>
      <c r="G472">
        <v>138.88888888888889</v>
      </c>
      <c r="H472" s="3">
        <v>3</v>
      </c>
      <c r="I472" s="3">
        <v>4</v>
      </c>
    </row>
    <row r="473" spans="1:9" x14ac:dyDescent="0.25">
      <c r="A473" s="1" t="s">
        <v>483</v>
      </c>
      <c r="B473" s="2">
        <v>15</v>
      </c>
      <c r="C473" t="s">
        <v>11</v>
      </c>
      <c r="D473" s="2">
        <v>240</v>
      </c>
      <c r="E473">
        <v>30</v>
      </c>
      <c r="F473" s="3">
        <v>28.8</v>
      </c>
      <c r="G473">
        <v>6.9444444444444446</v>
      </c>
      <c r="H473" s="3">
        <v>3</v>
      </c>
      <c r="I473" s="3">
        <v>4</v>
      </c>
    </row>
    <row r="474" spans="1:9" x14ac:dyDescent="0.25">
      <c r="A474" s="1" t="s">
        <v>484</v>
      </c>
      <c r="B474" s="2">
        <v>15</v>
      </c>
      <c r="C474" t="s">
        <v>11</v>
      </c>
      <c r="D474" s="2">
        <v>240</v>
      </c>
      <c r="E474">
        <v>30</v>
      </c>
      <c r="F474" s="3">
        <v>28.8</v>
      </c>
      <c r="G474">
        <v>69.444444444444443</v>
      </c>
      <c r="H474" s="3">
        <v>3</v>
      </c>
      <c r="I474" s="3">
        <v>4</v>
      </c>
    </row>
    <row r="475" spans="1:9" x14ac:dyDescent="0.25">
      <c r="A475" s="1" t="s">
        <v>485</v>
      </c>
      <c r="B475" s="2">
        <v>9</v>
      </c>
      <c r="C475" t="s">
        <v>22</v>
      </c>
      <c r="D475" s="2">
        <v>120</v>
      </c>
      <c r="E475">
        <v>5</v>
      </c>
      <c r="F475" s="3">
        <v>3.6</v>
      </c>
      <c r="G475" t="s">
        <v>187</v>
      </c>
      <c r="H475" s="3">
        <v>3</v>
      </c>
      <c r="I475" s="3">
        <v>4</v>
      </c>
    </row>
    <row r="476" spans="1:9" x14ac:dyDescent="0.25">
      <c r="A476" s="1" t="s">
        <v>486</v>
      </c>
      <c r="B476" s="2">
        <v>9</v>
      </c>
      <c r="C476" t="s">
        <v>22</v>
      </c>
      <c r="D476" s="2">
        <v>277</v>
      </c>
      <c r="E476">
        <v>2.5</v>
      </c>
      <c r="F476" s="3">
        <v>3.6</v>
      </c>
      <c r="G476" t="s">
        <v>187</v>
      </c>
      <c r="H476" s="3">
        <v>3</v>
      </c>
      <c r="I476" s="3">
        <v>4</v>
      </c>
    </row>
    <row r="477" spans="1:9" x14ac:dyDescent="0.25">
      <c r="A477" s="1" t="s">
        <v>487</v>
      </c>
      <c r="B477" s="2">
        <v>9</v>
      </c>
      <c r="C477" t="s">
        <v>22</v>
      </c>
      <c r="D477" s="2">
        <v>277</v>
      </c>
      <c r="E477">
        <v>5</v>
      </c>
      <c r="F477" s="3">
        <v>7.2</v>
      </c>
      <c r="G477" t="s">
        <v>187</v>
      </c>
      <c r="H477" s="3">
        <v>3</v>
      </c>
      <c r="I477" s="3">
        <v>4</v>
      </c>
    </row>
    <row r="478" spans="1:9" x14ac:dyDescent="0.25">
      <c r="A478" s="1" t="s">
        <v>488</v>
      </c>
      <c r="B478" s="2">
        <v>9</v>
      </c>
      <c r="C478" t="s">
        <v>27</v>
      </c>
      <c r="D478" s="2">
        <v>120</v>
      </c>
      <c r="E478">
        <v>2.5</v>
      </c>
      <c r="F478" s="3">
        <v>0.15</v>
      </c>
      <c r="G478" t="s">
        <v>187</v>
      </c>
      <c r="H478" s="3">
        <v>3</v>
      </c>
      <c r="I478" s="3">
        <v>4</v>
      </c>
    </row>
    <row r="479" spans="1:9" x14ac:dyDescent="0.25">
      <c r="A479" s="1" t="s">
        <v>489</v>
      </c>
      <c r="B479" s="2">
        <v>6</v>
      </c>
      <c r="C479" t="s">
        <v>27</v>
      </c>
      <c r="D479" s="2">
        <v>120</v>
      </c>
      <c r="E479">
        <v>2.5</v>
      </c>
      <c r="F479" s="3">
        <v>0.15</v>
      </c>
      <c r="G479" t="s">
        <v>187</v>
      </c>
      <c r="H479" s="3">
        <v>3</v>
      </c>
      <c r="I479" s="3">
        <v>4</v>
      </c>
    </row>
    <row r="480" spans="1:9" x14ac:dyDescent="0.25">
      <c r="A480" s="1" t="s">
        <v>490</v>
      </c>
      <c r="B480" s="2">
        <v>16</v>
      </c>
      <c r="C480" t="s">
        <v>13</v>
      </c>
      <c r="D480" s="2">
        <v>277</v>
      </c>
      <c r="E480">
        <v>50</v>
      </c>
      <c r="F480" s="3">
        <v>54</v>
      </c>
      <c r="G480" t="s">
        <v>187</v>
      </c>
      <c r="H480" s="3">
        <v>3</v>
      </c>
      <c r="I480" s="3">
        <v>4</v>
      </c>
    </row>
    <row r="481" spans="1:9" x14ac:dyDescent="0.25">
      <c r="A481" s="1" t="s">
        <v>491</v>
      </c>
      <c r="B481" s="2">
        <v>5</v>
      </c>
      <c r="C481" t="s">
        <v>27</v>
      </c>
      <c r="D481" s="2">
        <v>120</v>
      </c>
      <c r="E481">
        <v>5</v>
      </c>
      <c r="F481" s="3">
        <v>0.1</v>
      </c>
      <c r="G481" t="s">
        <v>187</v>
      </c>
      <c r="H481" s="3">
        <v>3</v>
      </c>
      <c r="I481" s="3">
        <v>3</v>
      </c>
    </row>
    <row r="482" spans="1:9" x14ac:dyDescent="0.25">
      <c r="A482" s="1" t="s">
        <v>492</v>
      </c>
      <c r="B482" s="2">
        <v>5</v>
      </c>
      <c r="C482" t="s">
        <v>27</v>
      </c>
      <c r="D482" s="2">
        <v>120</v>
      </c>
      <c r="E482">
        <v>2.5</v>
      </c>
      <c r="F482" s="3">
        <v>0.1</v>
      </c>
      <c r="G482" t="s">
        <v>187</v>
      </c>
      <c r="H482" s="3">
        <v>3</v>
      </c>
      <c r="I482" s="3">
        <v>3</v>
      </c>
    </row>
    <row r="483" spans="1:9" x14ac:dyDescent="0.25">
      <c r="A483" s="1" t="s">
        <v>493</v>
      </c>
      <c r="B483" s="2">
        <v>5</v>
      </c>
      <c r="C483" t="s">
        <v>13</v>
      </c>
      <c r="D483" s="2">
        <v>277</v>
      </c>
      <c r="E483">
        <v>5</v>
      </c>
      <c r="F483" s="3">
        <v>0.2</v>
      </c>
      <c r="G483" t="s">
        <v>187</v>
      </c>
      <c r="H483" s="3">
        <v>3</v>
      </c>
      <c r="I483" s="3">
        <v>3</v>
      </c>
    </row>
    <row r="484" spans="1:9" x14ac:dyDescent="0.25">
      <c r="A484" s="1" t="s">
        <v>494</v>
      </c>
      <c r="B484" s="2">
        <v>5</v>
      </c>
      <c r="C484" t="s">
        <v>13</v>
      </c>
      <c r="D484" s="2">
        <v>277</v>
      </c>
      <c r="E484">
        <v>2.5</v>
      </c>
      <c r="F484" s="3">
        <v>0.2</v>
      </c>
      <c r="G484" t="s">
        <v>187</v>
      </c>
      <c r="H484" s="3">
        <v>3</v>
      </c>
      <c r="I484" s="3">
        <v>3</v>
      </c>
    </row>
    <row r="485" spans="1:9" x14ac:dyDescent="0.25">
      <c r="A485" s="1" t="s">
        <v>495</v>
      </c>
      <c r="B485" s="2">
        <v>13</v>
      </c>
      <c r="C485" t="s">
        <v>22</v>
      </c>
      <c r="D485" s="2">
        <v>240</v>
      </c>
      <c r="E485">
        <v>30</v>
      </c>
      <c r="F485" s="3">
        <v>28.8</v>
      </c>
      <c r="G485">
        <v>69.444444444444443</v>
      </c>
      <c r="H485" s="3">
        <v>3</v>
      </c>
      <c r="I485" s="3">
        <v>3</v>
      </c>
    </row>
    <row r="486" spans="1:9" x14ac:dyDescent="0.25">
      <c r="A486" s="1" t="s">
        <v>496</v>
      </c>
      <c r="B486" s="2">
        <v>16</v>
      </c>
      <c r="C486" t="s">
        <v>13</v>
      </c>
      <c r="D486" s="2">
        <v>120</v>
      </c>
      <c r="E486">
        <v>50</v>
      </c>
      <c r="F486" s="3">
        <v>2.25</v>
      </c>
      <c r="G486" t="s">
        <v>187</v>
      </c>
      <c r="H486" s="3">
        <v>3</v>
      </c>
      <c r="I486" s="3">
        <v>4</v>
      </c>
    </row>
    <row r="487" spans="1:9" x14ac:dyDescent="0.25">
      <c r="A487" s="1" t="s">
        <v>497</v>
      </c>
      <c r="B487" s="2">
        <v>9</v>
      </c>
      <c r="C487" t="s">
        <v>22</v>
      </c>
      <c r="D487" s="2">
        <v>120</v>
      </c>
      <c r="E487">
        <v>2.5</v>
      </c>
      <c r="F487" s="3">
        <v>0.3</v>
      </c>
      <c r="G487" t="s">
        <v>187</v>
      </c>
      <c r="H487" s="3">
        <v>3</v>
      </c>
      <c r="I487" s="3">
        <v>4</v>
      </c>
    </row>
    <row r="488" spans="1:9" x14ac:dyDescent="0.25">
      <c r="A488" s="1" t="s">
        <v>498</v>
      </c>
      <c r="B488" s="2">
        <v>0</v>
      </c>
      <c r="C488" t="s">
        <v>420</v>
      </c>
      <c r="D488" s="2">
        <v>69</v>
      </c>
      <c r="E488">
        <v>5</v>
      </c>
      <c r="F488" s="3">
        <v>0</v>
      </c>
      <c r="G488" t="s">
        <v>187</v>
      </c>
      <c r="H488" s="3">
        <v>1</v>
      </c>
      <c r="I488" s="3">
        <v>2</v>
      </c>
    </row>
    <row r="489" spans="1:9" x14ac:dyDescent="0.25">
      <c r="A489" s="1" t="s">
        <v>499</v>
      </c>
      <c r="B489" s="2">
        <v>0</v>
      </c>
      <c r="C489" t="s">
        <v>420</v>
      </c>
      <c r="D489" s="2">
        <v>69</v>
      </c>
      <c r="E489">
        <v>5</v>
      </c>
      <c r="F489" s="3">
        <v>0</v>
      </c>
      <c r="G489" t="s">
        <v>187</v>
      </c>
      <c r="H489" s="3">
        <v>3</v>
      </c>
      <c r="I489" s="3">
        <v>3</v>
      </c>
    </row>
    <row r="490" spans="1:9" x14ac:dyDescent="0.25">
      <c r="A490" s="1" t="s">
        <v>500</v>
      </c>
      <c r="B490" s="2">
        <v>0</v>
      </c>
      <c r="C490" t="s">
        <v>420</v>
      </c>
      <c r="D490" s="2">
        <v>69</v>
      </c>
      <c r="E490">
        <v>5</v>
      </c>
      <c r="F490" s="3">
        <v>0</v>
      </c>
      <c r="G490" t="s">
        <v>187</v>
      </c>
      <c r="H490" s="3">
        <v>3</v>
      </c>
      <c r="I490" s="3">
        <v>4</v>
      </c>
    </row>
    <row r="491" spans="1:9" x14ac:dyDescent="0.25">
      <c r="A491" s="1" t="s">
        <v>501</v>
      </c>
      <c r="B491" s="2">
        <v>0</v>
      </c>
      <c r="C491" t="s">
        <v>420</v>
      </c>
      <c r="D491" s="2">
        <v>120</v>
      </c>
      <c r="E491">
        <v>5</v>
      </c>
      <c r="F491" s="3">
        <v>0</v>
      </c>
      <c r="G491" t="s">
        <v>187</v>
      </c>
      <c r="H491" s="3">
        <v>1</v>
      </c>
      <c r="I491" s="3">
        <v>2</v>
      </c>
    </row>
    <row r="492" spans="1:9" x14ac:dyDescent="0.25">
      <c r="A492" s="1" t="s">
        <v>502</v>
      </c>
      <c r="B492" s="2">
        <v>0</v>
      </c>
      <c r="C492" t="s">
        <v>420</v>
      </c>
      <c r="D492" s="2">
        <v>120</v>
      </c>
      <c r="E492">
        <v>5</v>
      </c>
      <c r="F492" s="3">
        <v>0</v>
      </c>
      <c r="G492" t="s">
        <v>187</v>
      </c>
      <c r="H492" s="3">
        <v>3</v>
      </c>
      <c r="I492" s="3">
        <v>3</v>
      </c>
    </row>
    <row r="493" spans="1:9" x14ac:dyDescent="0.25">
      <c r="A493" s="1" t="s">
        <v>503</v>
      </c>
      <c r="B493" s="2">
        <v>0</v>
      </c>
      <c r="C493" t="s">
        <v>420</v>
      </c>
      <c r="D493" s="2">
        <v>120</v>
      </c>
      <c r="E493">
        <v>5</v>
      </c>
      <c r="F493" s="3">
        <v>0</v>
      </c>
      <c r="G493" t="s">
        <v>187</v>
      </c>
      <c r="H493" s="3">
        <v>3</v>
      </c>
      <c r="I493" s="3">
        <v>4</v>
      </c>
    </row>
    <row r="494" spans="1:9" x14ac:dyDescent="0.25">
      <c r="A494" s="1" t="s">
        <v>504</v>
      </c>
      <c r="B494" s="2">
        <v>0</v>
      </c>
      <c r="C494" t="s">
        <v>420</v>
      </c>
      <c r="D494" s="2">
        <v>240</v>
      </c>
      <c r="E494">
        <v>5</v>
      </c>
      <c r="F494" s="3">
        <v>0</v>
      </c>
      <c r="G494" t="s">
        <v>187</v>
      </c>
      <c r="H494" s="3">
        <v>1</v>
      </c>
      <c r="I494" s="3">
        <v>2</v>
      </c>
    </row>
    <row r="495" spans="1:9" x14ac:dyDescent="0.25">
      <c r="A495" s="1" t="s">
        <v>505</v>
      </c>
      <c r="B495" s="2">
        <v>0</v>
      </c>
      <c r="C495" t="s">
        <v>420</v>
      </c>
      <c r="D495" s="2">
        <v>240</v>
      </c>
      <c r="E495">
        <v>5</v>
      </c>
      <c r="F495" s="3">
        <v>0</v>
      </c>
      <c r="G495" t="s">
        <v>187</v>
      </c>
      <c r="H495" s="3">
        <v>3</v>
      </c>
      <c r="I495" s="3">
        <v>3</v>
      </c>
    </row>
    <row r="496" spans="1:9" x14ac:dyDescent="0.25">
      <c r="A496" s="1" t="s">
        <v>506</v>
      </c>
      <c r="B496" s="2">
        <v>0</v>
      </c>
      <c r="C496" t="s">
        <v>420</v>
      </c>
      <c r="D496" s="2">
        <v>240</v>
      </c>
      <c r="E496">
        <v>5</v>
      </c>
      <c r="F496" s="3">
        <v>0</v>
      </c>
      <c r="G496" t="s">
        <v>187</v>
      </c>
      <c r="H496" s="3">
        <v>3</v>
      </c>
      <c r="I496" s="3">
        <v>4</v>
      </c>
    </row>
    <row r="497" spans="1:9" x14ac:dyDescent="0.25">
      <c r="A497" s="1" t="s">
        <v>507</v>
      </c>
      <c r="B497" s="2">
        <v>0</v>
      </c>
      <c r="C497" t="s">
        <v>420</v>
      </c>
      <c r="D497" s="2">
        <v>480</v>
      </c>
      <c r="E497">
        <v>5</v>
      </c>
      <c r="F497" s="3">
        <v>0</v>
      </c>
      <c r="G497" t="s">
        <v>187</v>
      </c>
      <c r="H497" s="3">
        <v>1</v>
      </c>
      <c r="I497" s="3">
        <v>2</v>
      </c>
    </row>
    <row r="498" spans="1:9" x14ac:dyDescent="0.25">
      <c r="A498" s="1" t="s">
        <v>508</v>
      </c>
      <c r="B498" s="2">
        <v>0</v>
      </c>
      <c r="C498" t="s">
        <v>420</v>
      </c>
      <c r="D498" s="2">
        <v>480</v>
      </c>
      <c r="E498">
        <v>5</v>
      </c>
      <c r="F498" s="3">
        <v>0</v>
      </c>
      <c r="G498" t="s">
        <v>187</v>
      </c>
      <c r="H498" s="3">
        <v>3</v>
      </c>
      <c r="I498" s="3">
        <v>3</v>
      </c>
    </row>
    <row r="499" spans="1:9" x14ac:dyDescent="0.25">
      <c r="A499" s="1" t="s">
        <v>509</v>
      </c>
      <c r="B499" s="2">
        <v>0</v>
      </c>
      <c r="C499" t="s">
        <v>420</v>
      </c>
      <c r="D499" s="2">
        <v>480</v>
      </c>
      <c r="E499">
        <v>5</v>
      </c>
      <c r="F499" s="3">
        <v>0</v>
      </c>
      <c r="G499" t="s">
        <v>187</v>
      </c>
      <c r="H499" s="3">
        <v>3</v>
      </c>
      <c r="I499" s="3">
        <v>4</v>
      </c>
    </row>
    <row r="500" spans="1:9" x14ac:dyDescent="0.25">
      <c r="A500" s="1" t="s">
        <v>510</v>
      </c>
      <c r="B500" s="2">
        <v>5</v>
      </c>
      <c r="C500" t="s">
        <v>22</v>
      </c>
      <c r="D500" s="2">
        <v>120</v>
      </c>
      <c r="E500">
        <v>2.5</v>
      </c>
      <c r="F500" s="3">
        <v>1.2</v>
      </c>
      <c r="G500" t="s">
        <v>187</v>
      </c>
      <c r="H500" s="3">
        <v>3</v>
      </c>
      <c r="I500" s="3">
        <v>3</v>
      </c>
    </row>
    <row r="501" spans="1:9" x14ac:dyDescent="0.25">
      <c r="A501" s="1" t="s">
        <v>511</v>
      </c>
      <c r="B501" s="2">
        <v>5</v>
      </c>
      <c r="C501" t="s">
        <v>22</v>
      </c>
      <c r="D501" s="2">
        <v>120</v>
      </c>
      <c r="E501">
        <v>5</v>
      </c>
      <c r="F501" s="3">
        <v>2.4</v>
      </c>
      <c r="G501" t="s">
        <v>187</v>
      </c>
      <c r="H501" s="3">
        <v>3</v>
      </c>
      <c r="I501" s="3">
        <v>3</v>
      </c>
    </row>
    <row r="502" spans="1:9" x14ac:dyDescent="0.25">
      <c r="A502" s="1" t="s">
        <v>512</v>
      </c>
      <c r="B502" s="2">
        <v>5</v>
      </c>
      <c r="C502" t="s">
        <v>22</v>
      </c>
      <c r="D502" s="2">
        <v>240</v>
      </c>
      <c r="E502">
        <v>2.5</v>
      </c>
      <c r="F502" s="3">
        <v>2.4</v>
      </c>
      <c r="G502" t="s">
        <v>187</v>
      </c>
      <c r="H502" s="3">
        <v>3</v>
      </c>
      <c r="I502" s="3">
        <v>3</v>
      </c>
    </row>
    <row r="503" spans="1:9" x14ac:dyDescent="0.25">
      <c r="A503" s="1" t="s">
        <v>513</v>
      </c>
      <c r="B503" s="2">
        <v>5</v>
      </c>
      <c r="C503" t="s">
        <v>22</v>
      </c>
      <c r="D503" s="2">
        <v>240</v>
      </c>
      <c r="E503">
        <v>5</v>
      </c>
      <c r="F503" s="3">
        <v>4.8</v>
      </c>
      <c r="G503" t="s">
        <v>187</v>
      </c>
      <c r="H503" s="3">
        <v>3</v>
      </c>
      <c r="I503" s="3">
        <v>3</v>
      </c>
    </row>
    <row r="504" spans="1:9" x14ac:dyDescent="0.25">
      <c r="A504" s="1" t="s">
        <v>514</v>
      </c>
      <c r="B504" s="2">
        <v>5</v>
      </c>
      <c r="C504" t="s">
        <v>22</v>
      </c>
      <c r="D504" s="2">
        <v>480</v>
      </c>
      <c r="E504">
        <v>2.5</v>
      </c>
      <c r="F504" s="3">
        <v>4.8</v>
      </c>
      <c r="G504" t="s">
        <v>187</v>
      </c>
      <c r="H504" s="3">
        <v>3</v>
      </c>
      <c r="I504" s="3">
        <v>3</v>
      </c>
    </row>
    <row r="505" spans="1:9" x14ac:dyDescent="0.25">
      <c r="A505" s="1" t="s">
        <v>515</v>
      </c>
      <c r="B505" s="2">
        <v>5</v>
      </c>
      <c r="C505" t="s">
        <v>22</v>
      </c>
      <c r="D505" s="2">
        <v>480</v>
      </c>
      <c r="E505">
        <v>5</v>
      </c>
      <c r="F505" s="3">
        <v>9.6</v>
      </c>
      <c r="G505" t="s">
        <v>187</v>
      </c>
      <c r="H505" s="3">
        <v>3</v>
      </c>
      <c r="I505" s="3">
        <v>3</v>
      </c>
    </row>
    <row r="506" spans="1:9" x14ac:dyDescent="0.25">
      <c r="A506" s="1" t="s">
        <v>516</v>
      </c>
      <c r="B506" s="2">
        <v>5</v>
      </c>
      <c r="C506" t="s">
        <v>13</v>
      </c>
      <c r="D506" s="2">
        <v>120</v>
      </c>
      <c r="E506">
        <v>5</v>
      </c>
      <c r="F506" s="3">
        <v>2.4</v>
      </c>
      <c r="G506" t="s">
        <v>187</v>
      </c>
      <c r="H506" s="3">
        <v>3</v>
      </c>
      <c r="I506" s="3">
        <v>3</v>
      </c>
    </row>
    <row r="507" spans="1:9" x14ac:dyDescent="0.25">
      <c r="A507" s="1" t="s">
        <v>517</v>
      </c>
      <c r="B507" s="2">
        <v>5</v>
      </c>
      <c r="C507" t="s">
        <v>13</v>
      </c>
      <c r="D507" s="2">
        <v>240</v>
      </c>
      <c r="E507">
        <v>5</v>
      </c>
      <c r="F507" s="3">
        <v>4.8</v>
      </c>
      <c r="G507" t="s">
        <v>187</v>
      </c>
      <c r="H507" s="3">
        <v>3</v>
      </c>
      <c r="I507" s="3">
        <v>3</v>
      </c>
    </row>
    <row r="508" spans="1:9" x14ac:dyDescent="0.25">
      <c r="A508" s="1" t="s">
        <v>518</v>
      </c>
      <c r="B508" s="2">
        <v>5</v>
      </c>
      <c r="C508" t="s">
        <v>13</v>
      </c>
      <c r="D508" s="2">
        <v>480</v>
      </c>
      <c r="E508">
        <v>2.5</v>
      </c>
      <c r="F508" s="3">
        <v>4.8</v>
      </c>
      <c r="G508" t="s">
        <v>187</v>
      </c>
      <c r="H508" s="3">
        <v>3</v>
      </c>
      <c r="I508" s="3">
        <v>3</v>
      </c>
    </row>
    <row r="509" spans="1:9" x14ac:dyDescent="0.25">
      <c r="A509" s="1" t="s">
        <v>519</v>
      </c>
      <c r="B509" s="2">
        <v>5</v>
      </c>
      <c r="C509" t="s">
        <v>13</v>
      </c>
      <c r="D509" s="2">
        <v>480</v>
      </c>
      <c r="E509">
        <v>5</v>
      </c>
      <c r="F509" s="3">
        <v>9.6</v>
      </c>
      <c r="G509" t="s">
        <v>187</v>
      </c>
      <c r="H509" s="3">
        <v>3</v>
      </c>
      <c r="I509" s="3">
        <v>3</v>
      </c>
    </row>
    <row r="510" spans="1:9" x14ac:dyDescent="0.25">
      <c r="A510" s="1" t="s">
        <v>520</v>
      </c>
      <c r="B510" s="2">
        <v>5</v>
      </c>
      <c r="C510" t="s">
        <v>27</v>
      </c>
      <c r="D510" s="2">
        <v>120</v>
      </c>
      <c r="E510">
        <v>2.5</v>
      </c>
      <c r="F510" s="3">
        <v>1.2</v>
      </c>
      <c r="G510" t="s">
        <v>187</v>
      </c>
      <c r="H510" s="3">
        <v>3</v>
      </c>
      <c r="I510" s="3">
        <v>3</v>
      </c>
    </row>
    <row r="511" spans="1:9" x14ac:dyDescent="0.25">
      <c r="A511" s="1" t="s">
        <v>521</v>
      </c>
      <c r="B511" s="2">
        <v>5</v>
      </c>
      <c r="C511" t="s">
        <v>27</v>
      </c>
      <c r="D511" s="2">
        <v>120</v>
      </c>
      <c r="E511">
        <v>5</v>
      </c>
      <c r="F511" s="3">
        <v>2.4</v>
      </c>
      <c r="G511" t="s">
        <v>187</v>
      </c>
      <c r="H511" s="3">
        <v>3</v>
      </c>
      <c r="I511" s="3">
        <v>3</v>
      </c>
    </row>
    <row r="512" spans="1:9" x14ac:dyDescent="0.25">
      <c r="A512" s="1" t="s">
        <v>522</v>
      </c>
      <c r="B512" s="2">
        <v>5</v>
      </c>
      <c r="C512" t="s">
        <v>27</v>
      </c>
      <c r="D512" s="2">
        <v>240</v>
      </c>
      <c r="E512">
        <v>2.5</v>
      </c>
      <c r="F512" s="3">
        <v>2.4</v>
      </c>
      <c r="G512" t="s">
        <v>187</v>
      </c>
      <c r="H512" s="3">
        <v>3</v>
      </c>
      <c r="I512" s="3">
        <v>3</v>
      </c>
    </row>
    <row r="513" spans="1:9" x14ac:dyDescent="0.25">
      <c r="A513" s="1" t="s">
        <v>523</v>
      </c>
      <c r="B513" s="2">
        <v>5</v>
      </c>
      <c r="C513" t="s">
        <v>27</v>
      </c>
      <c r="D513" s="2">
        <v>240</v>
      </c>
      <c r="E513">
        <v>5</v>
      </c>
      <c r="F513" s="3">
        <v>4.8</v>
      </c>
      <c r="G513" t="s">
        <v>187</v>
      </c>
      <c r="H513" s="3">
        <v>3</v>
      </c>
      <c r="I513" s="3">
        <v>3</v>
      </c>
    </row>
    <row r="514" spans="1:9" x14ac:dyDescent="0.25">
      <c r="A514" s="1" t="s">
        <v>524</v>
      </c>
      <c r="B514" s="2">
        <v>11</v>
      </c>
      <c r="C514" t="s">
        <v>22</v>
      </c>
      <c r="D514" s="2">
        <v>240</v>
      </c>
      <c r="E514">
        <v>2.5</v>
      </c>
      <c r="F514" s="3">
        <v>0.3</v>
      </c>
      <c r="G514" t="s">
        <v>187</v>
      </c>
      <c r="H514" s="3">
        <v>3</v>
      </c>
      <c r="I514" s="3">
        <v>4</v>
      </c>
    </row>
    <row r="515" spans="1:9" x14ac:dyDescent="0.25">
      <c r="A515" s="1" t="s">
        <v>525</v>
      </c>
      <c r="B515" s="2">
        <v>9</v>
      </c>
      <c r="C515" t="s">
        <v>13</v>
      </c>
      <c r="D515" s="2">
        <v>120</v>
      </c>
      <c r="E515">
        <v>5</v>
      </c>
      <c r="F515" s="3">
        <v>1.8</v>
      </c>
      <c r="G515" t="s">
        <v>187</v>
      </c>
      <c r="H515" s="3">
        <v>3</v>
      </c>
      <c r="I515" s="3">
        <v>4</v>
      </c>
    </row>
    <row r="516" spans="1:9" x14ac:dyDescent="0.25">
      <c r="A516" s="1" t="s">
        <v>526</v>
      </c>
      <c r="B516" s="2">
        <v>9</v>
      </c>
      <c r="C516" t="s">
        <v>13</v>
      </c>
      <c r="D516" s="2">
        <v>277</v>
      </c>
      <c r="E516">
        <v>5</v>
      </c>
      <c r="F516" s="3">
        <v>0.3</v>
      </c>
      <c r="G516" t="s">
        <v>187</v>
      </c>
      <c r="H516" s="3">
        <v>3</v>
      </c>
      <c r="I516" s="3">
        <v>4</v>
      </c>
    </row>
    <row r="517" spans="1:9" x14ac:dyDescent="0.25">
      <c r="A517" s="1" t="s">
        <v>527</v>
      </c>
      <c r="B517" s="2">
        <v>9</v>
      </c>
      <c r="C517" t="s">
        <v>13</v>
      </c>
      <c r="D517" s="2">
        <v>120</v>
      </c>
      <c r="E517">
        <v>5</v>
      </c>
      <c r="F517" s="3">
        <v>0.15</v>
      </c>
      <c r="G517" t="s">
        <v>187</v>
      </c>
      <c r="H517" s="3">
        <v>3</v>
      </c>
      <c r="I517" s="3">
        <v>4</v>
      </c>
    </row>
    <row r="518" spans="1:9" x14ac:dyDescent="0.25">
      <c r="A518" s="1" t="s">
        <v>528</v>
      </c>
      <c r="B518" s="2">
        <v>6</v>
      </c>
      <c r="C518" t="s">
        <v>13</v>
      </c>
      <c r="D518" s="2">
        <v>120</v>
      </c>
      <c r="E518">
        <v>5</v>
      </c>
      <c r="F518" s="3">
        <v>0.15</v>
      </c>
      <c r="G518" t="s">
        <v>187</v>
      </c>
      <c r="H518" s="3">
        <v>3</v>
      </c>
      <c r="I518" s="3">
        <v>4</v>
      </c>
    </row>
    <row r="519" spans="1:9" x14ac:dyDescent="0.25">
      <c r="A519" s="1" t="s">
        <v>529</v>
      </c>
      <c r="B519" s="2">
        <v>5</v>
      </c>
      <c r="C519" t="s">
        <v>13</v>
      </c>
      <c r="D519" s="2">
        <v>240</v>
      </c>
      <c r="E519">
        <v>5</v>
      </c>
      <c r="F519" s="3">
        <v>0.2</v>
      </c>
      <c r="G519" t="s">
        <v>187</v>
      </c>
      <c r="H519" s="3">
        <v>3</v>
      </c>
      <c r="I519" s="3">
        <v>3</v>
      </c>
    </row>
    <row r="520" spans="1:9" x14ac:dyDescent="0.25">
      <c r="A520" s="1" t="s">
        <v>530</v>
      </c>
      <c r="B520" s="2">
        <v>5</v>
      </c>
      <c r="C520" t="s">
        <v>13</v>
      </c>
      <c r="D520" s="2">
        <v>120</v>
      </c>
      <c r="E520">
        <v>5</v>
      </c>
      <c r="F520" s="3">
        <v>0.1</v>
      </c>
      <c r="G520" t="s">
        <v>187</v>
      </c>
      <c r="H520" s="3">
        <v>3</v>
      </c>
      <c r="I520" s="3">
        <v>3</v>
      </c>
    </row>
    <row r="521" spans="1:9" x14ac:dyDescent="0.25">
      <c r="A521" s="1" t="s">
        <v>531</v>
      </c>
      <c r="B521" s="2">
        <v>2</v>
      </c>
      <c r="C521" t="s">
        <v>13</v>
      </c>
      <c r="D521" s="2">
        <v>240</v>
      </c>
      <c r="E521">
        <v>50</v>
      </c>
      <c r="F521" s="3">
        <v>0.75</v>
      </c>
      <c r="G521" t="s">
        <v>187</v>
      </c>
      <c r="H521" s="3">
        <v>1</v>
      </c>
      <c r="I521" s="3">
        <v>3</v>
      </c>
    </row>
    <row r="522" spans="1:9" x14ac:dyDescent="0.25">
      <c r="A522" s="1" t="s">
        <v>532</v>
      </c>
      <c r="B522" s="2">
        <v>14</v>
      </c>
      <c r="C522" t="s">
        <v>13</v>
      </c>
      <c r="D522" s="2">
        <v>0</v>
      </c>
      <c r="E522">
        <v>2.5</v>
      </c>
      <c r="F522" s="3">
        <v>0</v>
      </c>
      <c r="G522" t="s">
        <v>187</v>
      </c>
      <c r="H522" s="3">
        <v>3</v>
      </c>
      <c r="I522" s="3">
        <v>4</v>
      </c>
    </row>
    <row r="523" spans="1:9" x14ac:dyDescent="0.25">
      <c r="A523" s="1" t="s">
        <v>533</v>
      </c>
      <c r="B523" s="2">
        <v>10</v>
      </c>
      <c r="C523" t="s">
        <v>13</v>
      </c>
      <c r="D523" s="2">
        <v>120</v>
      </c>
      <c r="E523">
        <v>5</v>
      </c>
      <c r="F523" s="3">
        <v>0.15</v>
      </c>
      <c r="G523" t="s">
        <v>187</v>
      </c>
      <c r="H523" s="3">
        <v>3</v>
      </c>
      <c r="I523" s="3">
        <v>4</v>
      </c>
    </row>
    <row r="524" spans="1:9" x14ac:dyDescent="0.25">
      <c r="A524" s="1" t="s">
        <v>534</v>
      </c>
      <c r="B524" s="2">
        <v>5</v>
      </c>
      <c r="C524" t="s">
        <v>27</v>
      </c>
      <c r="D524" s="2">
        <v>480</v>
      </c>
      <c r="E524">
        <v>2.5</v>
      </c>
      <c r="F524" s="3">
        <v>4.8</v>
      </c>
      <c r="G524" t="s">
        <v>187</v>
      </c>
      <c r="H524" s="3">
        <v>3</v>
      </c>
      <c r="I524" s="3">
        <v>3</v>
      </c>
    </row>
    <row r="525" spans="1:9" x14ac:dyDescent="0.25">
      <c r="A525" s="1" t="s">
        <v>535</v>
      </c>
      <c r="B525" s="2">
        <v>5</v>
      </c>
      <c r="C525" t="s">
        <v>27</v>
      </c>
      <c r="D525" s="2">
        <v>480</v>
      </c>
      <c r="E525">
        <v>5</v>
      </c>
      <c r="F525" s="3">
        <v>9.6</v>
      </c>
      <c r="G525" t="s">
        <v>187</v>
      </c>
      <c r="H525" s="3">
        <v>3</v>
      </c>
      <c r="I525" s="3">
        <v>3</v>
      </c>
    </row>
    <row r="526" spans="1:9" x14ac:dyDescent="0.25">
      <c r="A526" s="1" t="s">
        <v>536</v>
      </c>
      <c r="B526" s="2">
        <v>8</v>
      </c>
      <c r="C526" t="s">
        <v>22</v>
      </c>
      <c r="D526" s="2">
        <v>240</v>
      </c>
      <c r="E526">
        <v>2.5</v>
      </c>
      <c r="F526" s="3">
        <v>2.4</v>
      </c>
      <c r="G526" t="s">
        <v>187</v>
      </c>
      <c r="H526" s="3">
        <v>3</v>
      </c>
      <c r="I526" s="3">
        <v>4</v>
      </c>
    </row>
    <row r="527" spans="1:9" x14ac:dyDescent="0.25">
      <c r="A527" s="1" t="s">
        <v>537</v>
      </c>
      <c r="B527" s="2">
        <v>8</v>
      </c>
      <c r="C527" t="s">
        <v>22</v>
      </c>
      <c r="D527" s="2">
        <v>240</v>
      </c>
      <c r="E527">
        <v>5</v>
      </c>
      <c r="F527" s="3">
        <v>4.8</v>
      </c>
      <c r="G527" t="s">
        <v>187</v>
      </c>
      <c r="H527" s="3">
        <v>3</v>
      </c>
      <c r="I527" s="3">
        <v>4</v>
      </c>
    </row>
    <row r="528" spans="1:9" x14ac:dyDescent="0.25">
      <c r="A528" s="1" t="s">
        <v>538</v>
      </c>
      <c r="B528" s="2">
        <v>2</v>
      </c>
      <c r="C528" t="s">
        <v>13</v>
      </c>
      <c r="D528" s="2">
        <v>480</v>
      </c>
      <c r="E528">
        <v>15</v>
      </c>
      <c r="F528" s="3">
        <v>7.2</v>
      </c>
      <c r="G528">
        <v>13.888888888888889</v>
      </c>
      <c r="H528" s="3">
        <v>1</v>
      </c>
      <c r="I528" s="3">
        <v>3</v>
      </c>
    </row>
    <row r="529" spans="1:9" x14ac:dyDescent="0.25">
      <c r="A529" s="1" t="s">
        <v>539</v>
      </c>
      <c r="B529" s="2">
        <v>2</v>
      </c>
      <c r="C529" t="s">
        <v>13</v>
      </c>
      <c r="D529" s="2">
        <v>240</v>
      </c>
      <c r="E529">
        <v>30</v>
      </c>
      <c r="F529" s="3">
        <v>7.2</v>
      </c>
      <c r="G529">
        <v>27.777777777777779</v>
      </c>
      <c r="H529" s="3">
        <v>1</v>
      </c>
      <c r="I529" s="3">
        <v>3</v>
      </c>
    </row>
    <row r="530" spans="1:9" x14ac:dyDescent="0.25">
      <c r="A530" s="1" t="s">
        <v>540</v>
      </c>
      <c r="B530" s="2">
        <v>13</v>
      </c>
      <c r="C530" t="s">
        <v>11</v>
      </c>
      <c r="D530" s="2">
        <v>120</v>
      </c>
      <c r="E530">
        <v>2.5</v>
      </c>
      <c r="F530" s="3">
        <v>1.2</v>
      </c>
      <c r="G530">
        <v>166.66666666666666</v>
      </c>
      <c r="H530" s="3">
        <v>3</v>
      </c>
      <c r="I530" s="3">
        <v>3</v>
      </c>
    </row>
    <row r="531" spans="1:9" x14ac:dyDescent="0.25">
      <c r="A531" s="1" t="s">
        <v>541</v>
      </c>
      <c r="B531" s="2">
        <v>13</v>
      </c>
      <c r="C531" t="s">
        <v>11</v>
      </c>
      <c r="D531" s="2">
        <v>120</v>
      </c>
      <c r="E531">
        <v>15</v>
      </c>
      <c r="F531" s="3">
        <v>7.2</v>
      </c>
      <c r="G531">
        <v>27.777777777777779</v>
      </c>
      <c r="H531" s="3">
        <v>3</v>
      </c>
      <c r="I531" s="3">
        <v>3</v>
      </c>
    </row>
    <row r="532" spans="1:9" x14ac:dyDescent="0.25">
      <c r="A532" s="1" t="s">
        <v>542</v>
      </c>
      <c r="B532" s="2">
        <v>13</v>
      </c>
      <c r="C532" t="s">
        <v>11</v>
      </c>
      <c r="D532" s="2">
        <v>120</v>
      </c>
      <c r="E532">
        <v>30</v>
      </c>
      <c r="F532" s="3">
        <v>14.4</v>
      </c>
      <c r="G532">
        <v>13.888888888888889</v>
      </c>
      <c r="H532" s="3">
        <v>3</v>
      </c>
      <c r="I532" s="3">
        <v>3</v>
      </c>
    </row>
    <row r="533" spans="1:9" x14ac:dyDescent="0.25">
      <c r="A533" s="1" t="s">
        <v>543</v>
      </c>
      <c r="B533" s="2">
        <v>13</v>
      </c>
      <c r="C533" t="s">
        <v>11</v>
      </c>
      <c r="D533" s="2">
        <v>120</v>
      </c>
      <c r="E533">
        <v>30</v>
      </c>
      <c r="F533" s="3">
        <v>14.4</v>
      </c>
      <c r="G533">
        <v>138.88888888888889</v>
      </c>
      <c r="H533" s="3">
        <v>3</v>
      </c>
      <c r="I533" s="3">
        <v>3</v>
      </c>
    </row>
    <row r="534" spans="1:9" x14ac:dyDescent="0.25">
      <c r="A534" s="1" t="s">
        <v>544</v>
      </c>
      <c r="B534" s="2">
        <v>14</v>
      </c>
      <c r="C534" t="s">
        <v>11</v>
      </c>
      <c r="D534" s="2">
        <v>120</v>
      </c>
      <c r="E534">
        <v>2.5</v>
      </c>
      <c r="F534" s="3">
        <v>1.8</v>
      </c>
      <c r="G534">
        <v>111.11111111111111</v>
      </c>
      <c r="H534" s="3">
        <v>3</v>
      </c>
      <c r="I534" s="3">
        <v>4</v>
      </c>
    </row>
    <row r="535" spans="1:9" x14ac:dyDescent="0.25">
      <c r="A535" s="1" t="s">
        <v>545</v>
      </c>
      <c r="B535" s="2">
        <v>15</v>
      </c>
      <c r="C535" t="s">
        <v>11</v>
      </c>
      <c r="D535" s="2">
        <v>240</v>
      </c>
      <c r="E535">
        <v>2.5</v>
      </c>
      <c r="F535" s="3">
        <v>2.4</v>
      </c>
      <c r="G535">
        <v>83.333333333333329</v>
      </c>
      <c r="H535" s="3">
        <v>3</v>
      </c>
      <c r="I535" s="3">
        <v>4</v>
      </c>
    </row>
    <row r="536" spans="1:9" x14ac:dyDescent="0.25">
      <c r="A536" s="1" t="s">
        <v>546</v>
      </c>
      <c r="B536" s="2">
        <v>13</v>
      </c>
      <c r="C536" t="s">
        <v>11</v>
      </c>
      <c r="D536" s="2">
        <v>480</v>
      </c>
      <c r="E536">
        <v>2.5</v>
      </c>
      <c r="F536" s="3">
        <v>4.8</v>
      </c>
      <c r="G536">
        <v>41.666666666666664</v>
      </c>
      <c r="H536" s="3">
        <v>3</v>
      </c>
      <c r="I536" s="3">
        <v>3</v>
      </c>
    </row>
    <row r="537" spans="1:9" x14ac:dyDescent="0.25">
      <c r="A537" s="1" t="s">
        <v>547</v>
      </c>
      <c r="B537" s="2">
        <v>13</v>
      </c>
      <c r="C537" t="s">
        <v>11</v>
      </c>
      <c r="D537" s="2">
        <v>240</v>
      </c>
      <c r="E537">
        <v>15</v>
      </c>
      <c r="F537" s="3">
        <v>14.4</v>
      </c>
      <c r="G537">
        <v>13.888888888888889</v>
      </c>
      <c r="H537" s="3">
        <v>3</v>
      </c>
      <c r="I537" s="3">
        <v>3</v>
      </c>
    </row>
    <row r="538" spans="1:9" x14ac:dyDescent="0.25">
      <c r="A538" s="1" t="s">
        <v>548</v>
      </c>
      <c r="B538" s="2">
        <v>13</v>
      </c>
      <c r="C538" t="s">
        <v>11</v>
      </c>
      <c r="D538" s="2">
        <v>240</v>
      </c>
      <c r="E538">
        <v>15</v>
      </c>
      <c r="F538" s="3">
        <v>14.4</v>
      </c>
      <c r="G538">
        <v>138.88888888888889</v>
      </c>
      <c r="H538" s="3">
        <v>3</v>
      </c>
      <c r="I538" s="3">
        <v>3</v>
      </c>
    </row>
    <row r="539" spans="1:9" x14ac:dyDescent="0.25">
      <c r="A539" s="1" t="s">
        <v>549</v>
      </c>
      <c r="B539" s="2">
        <v>13</v>
      </c>
      <c r="C539" t="s">
        <v>11</v>
      </c>
      <c r="D539" s="2">
        <v>240</v>
      </c>
      <c r="E539">
        <v>30</v>
      </c>
      <c r="F539" s="3">
        <v>28.8</v>
      </c>
      <c r="G539">
        <v>6.9444444444444446</v>
      </c>
      <c r="H539" s="3">
        <v>3</v>
      </c>
      <c r="I539" s="3">
        <v>3</v>
      </c>
    </row>
    <row r="540" spans="1:9" x14ac:dyDescent="0.25">
      <c r="A540" s="1" t="s">
        <v>550</v>
      </c>
      <c r="B540" s="2">
        <v>13</v>
      </c>
      <c r="C540" t="s">
        <v>11</v>
      </c>
      <c r="D540" s="2">
        <v>240</v>
      </c>
      <c r="E540">
        <v>30</v>
      </c>
      <c r="F540" s="3">
        <v>28.8</v>
      </c>
      <c r="G540">
        <v>69.444444444444443</v>
      </c>
      <c r="H540" s="3">
        <v>3</v>
      </c>
      <c r="I540" s="3">
        <v>3</v>
      </c>
    </row>
    <row r="541" spans="1:9" x14ac:dyDescent="0.25">
      <c r="A541" s="1" t="s">
        <v>551</v>
      </c>
      <c r="B541" s="2">
        <v>13</v>
      </c>
      <c r="C541" t="s">
        <v>11</v>
      </c>
      <c r="D541" s="2">
        <v>480</v>
      </c>
      <c r="E541">
        <v>15</v>
      </c>
      <c r="F541" s="3">
        <v>28.8</v>
      </c>
      <c r="G541">
        <v>61.388888888888886</v>
      </c>
      <c r="H541" s="3">
        <v>3</v>
      </c>
      <c r="I541" s="3">
        <v>3</v>
      </c>
    </row>
    <row r="542" spans="1:9" x14ac:dyDescent="0.25">
      <c r="A542" s="1" t="s">
        <v>552</v>
      </c>
      <c r="B542" s="2">
        <v>13</v>
      </c>
      <c r="C542" t="s">
        <v>11</v>
      </c>
      <c r="D542" s="2">
        <v>480</v>
      </c>
      <c r="E542">
        <v>15</v>
      </c>
      <c r="F542" s="3">
        <v>28.8</v>
      </c>
      <c r="G542">
        <v>69.444444444444443</v>
      </c>
      <c r="H542" s="3">
        <v>3</v>
      </c>
      <c r="I542" s="3">
        <v>3</v>
      </c>
    </row>
    <row r="543" spans="1:9" x14ac:dyDescent="0.25">
      <c r="A543" s="1" t="s">
        <v>553</v>
      </c>
      <c r="B543" s="2">
        <v>13</v>
      </c>
      <c r="C543" t="s">
        <v>11</v>
      </c>
      <c r="D543" s="2">
        <v>480</v>
      </c>
      <c r="E543">
        <v>30</v>
      </c>
      <c r="F543" s="3">
        <v>57.6</v>
      </c>
      <c r="G543">
        <v>3.4722222222222223</v>
      </c>
      <c r="H543" s="3">
        <v>3</v>
      </c>
      <c r="I543" s="3">
        <v>3</v>
      </c>
    </row>
    <row r="544" spans="1:9" x14ac:dyDescent="0.25">
      <c r="A544" s="1" t="s">
        <v>554</v>
      </c>
      <c r="B544" s="2">
        <v>13</v>
      </c>
      <c r="C544" t="s">
        <v>11</v>
      </c>
      <c r="D544" s="2">
        <v>480</v>
      </c>
      <c r="E544">
        <v>30</v>
      </c>
      <c r="F544" s="3">
        <v>57.6</v>
      </c>
      <c r="G544">
        <v>34.722222222222221</v>
      </c>
      <c r="H544" s="3">
        <v>3</v>
      </c>
      <c r="I544" s="3">
        <v>3</v>
      </c>
    </row>
    <row r="545" spans="1:9" x14ac:dyDescent="0.25">
      <c r="A545" s="1" t="s">
        <v>555</v>
      </c>
      <c r="B545" s="2">
        <v>7</v>
      </c>
      <c r="C545" t="s">
        <v>13</v>
      </c>
      <c r="D545" s="2">
        <v>120</v>
      </c>
      <c r="E545">
        <v>2.5</v>
      </c>
      <c r="F545" s="3">
        <v>1.8</v>
      </c>
      <c r="G545">
        <v>111.11111111111111</v>
      </c>
      <c r="H545" s="3">
        <v>3</v>
      </c>
      <c r="I545" s="3">
        <v>4</v>
      </c>
    </row>
    <row r="546" spans="1:9" x14ac:dyDescent="0.25">
      <c r="A546" s="1" t="s">
        <v>556</v>
      </c>
      <c r="B546" s="2">
        <v>7</v>
      </c>
      <c r="C546" t="s">
        <v>13</v>
      </c>
      <c r="D546" s="2">
        <v>277</v>
      </c>
      <c r="E546">
        <v>2.5</v>
      </c>
      <c r="F546" s="3">
        <v>3.6</v>
      </c>
      <c r="G546">
        <v>55.555555555555557</v>
      </c>
      <c r="H546" s="3">
        <v>3</v>
      </c>
      <c r="I546" s="3">
        <v>4</v>
      </c>
    </row>
    <row r="547" spans="1:9" x14ac:dyDescent="0.25">
      <c r="A547" s="1" t="s">
        <v>557</v>
      </c>
      <c r="B547" s="2">
        <v>10</v>
      </c>
      <c r="C547" t="s">
        <v>13</v>
      </c>
      <c r="D547" s="2">
        <v>120</v>
      </c>
      <c r="E547">
        <v>2.5</v>
      </c>
      <c r="F547" s="3">
        <v>1.8</v>
      </c>
      <c r="G547">
        <v>111.11111111111111</v>
      </c>
      <c r="H547" s="3">
        <v>3</v>
      </c>
      <c r="I547" s="3">
        <v>4</v>
      </c>
    </row>
    <row r="548" spans="1:9" x14ac:dyDescent="0.25">
      <c r="A548" s="1" t="s">
        <v>558</v>
      </c>
      <c r="B548" s="2">
        <v>24</v>
      </c>
      <c r="C548" t="s">
        <v>13</v>
      </c>
      <c r="D548" s="2">
        <v>240</v>
      </c>
      <c r="E548">
        <v>2.5</v>
      </c>
      <c r="F548" s="3">
        <v>2.4</v>
      </c>
      <c r="G548">
        <v>83.333333333333329</v>
      </c>
      <c r="H548" s="3">
        <v>3</v>
      </c>
      <c r="I548" s="3">
        <v>3</v>
      </c>
    </row>
    <row r="549" spans="1:9" x14ac:dyDescent="0.25">
      <c r="A549" s="1" t="s">
        <v>559</v>
      </c>
      <c r="B549" s="2">
        <v>26</v>
      </c>
      <c r="C549" t="s">
        <v>13</v>
      </c>
      <c r="D549" s="2">
        <v>120</v>
      </c>
      <c r="E549">
        <v>2.5</v>
      </c>
      <c r="F549" s="3">
        <v>1.2</v>
      </c>
      <c r="G549">
        <v>166.66666666666666</v>
      </c>
      <c r="H549" s="3">
        <v>3</v>
      </c>
      <c r="I549" s="3">
        <v>3</v>
      </c>
    </row>
    <row r="550" spans="1:9" x14ac:dyDescent="0.25">
      <c r="A550" s="1" t="s">
        <v>560</v>
      </c>
      <c r="B550" s="2">
        <v>1</v>
      </c>
      <c r="C550" t="s">
        <v>13</v>
      </c>
      <c r="D550" s="2">
        <v>480</v>
      </c>
      <c r="E550">
        <v>15</v>
      </c>
      <c r="F550" s="3">
        <v>7.2</v>
      </c>
      <c r="G550">
        <v>166.66666666666666</v>
      </c>
      <c r="H550" s="3">
        <v>1</v>
      </c>
      <c r="I550" s="3">
        <v>2</v>
      </c>
    </row>
    <row r="551" spans="1:9" x14ac:dyDescent="0.25">
      <c r="A551" s="1" t="s">
        <v>561</v>
      </c>
      <c r="B551" s="2">
        <v>2</v>
      </c>
      <c r="C551" t="s">
        <v>13</v>
      </c>
      <c r="D551" s="2">
        <v>240</v>
      </c>
      <c r="E551">
        <v>30</v>
      </c>
      <c r="F551" s="3">
        <v>12</v>
      </c>
      <c r="G551" t="s">
        <v>187</v>
      </c>
      <c r="H551" s="3">
        <v>1</v>
      </c>
      <c r="I551" s="3">
        <v>3</v>
      </c>
    </row>
    <row r="552" spans="1:9" x14ac:dyDescent="0.25">
      <c r="A552" s="1" t="s">
        <v>562</v>
      </c>
      <c r="B552" s="2">
        <v>6</v>
      </c>
      <c r="C552" t="s">
        <v>13</v>
      </c>
      <c r="D552" s="2">
        <v>277</v>
      </c>
      <c r="E552">
        <v>5</v>
      </c>
      <c r="F552" s="3">
        <v>0.3</v>
      </c>
      <c r="G552" t="s">
        <v>187</v>
      </c>
      <c r="H552" s="3">
        <v>3</v>
      </c>
      <c r="I552" s="3">
        <v>4</v>
      </c>
    </row>
    <row r="553" spans="1:9" x14ac:dyDescent="0.25">
      <c r="A553" s="1" t="s">
        <v>563</v>
      </c>
      <c r="B553" s="2">
        <v>16</v>
      </c>
      <c r="C553" t="s">
        <v>13</v>
      </c>
      <c r="D553" s="2">
        <v>277</v>
      </c>
      <c r="E553">
        <v>50</v>
      </c>
      <c r="F553" s="3">
        <v>4.5</v>
      </c>
      <c r="G553" t="s">
        <v>187</v>
      </c>
      <c r="H553" s="3">
        <v>3</v>
      </c>
      <c r="I553" s="3">
        <v>4</v>
      </c>
    </row>
    <row r="554" spans="1:9" x14ac:dyDescent="0.25">
      <c r="A554" s="1" t="s">
        <v>564</v>
      </c>
      <c r="B554" s="2">
        <v>10</v>
      </c>
      <c r="C554" t="s">
        <v>13</v>
      </c>
      <c r="D554" s="2">
        <v>120</v>
      </c>
      <c r="E554">
        <v>2.5</v>
      </c>
      <c r="F554" s="3">
        <v>1.8</v>
      </c>
      <c r="G554">
        <v>166.66666666666666</v>
      </c>
      <c r="H554" s="3">
        <v>3</v>
      </c>
      <c r="I554" s="3">
        <v>4</v>
      </c>
    </row>
    <row r="555" spans="1:9" x14ac:dyDescent="0.25">
      <c r="A555" s="1" t="s">
        <v>565</v>
      </c>
      <c r="B555" s="2">
        <v>14</v>
      </c>
      <c r="C555" t="s">
        <v>13</v>
      </c>
      <c r="D555" s="2">
        <v>0</v>
      </c>
      <c r="E555">
        <v>0</v>
      </c>
      <c r="F555" s="3">
        <v>0</v>
      </c>
      <c r="G555" t="s">
        <v>187</v>
      </c>
      <c r="H555" s="3">
        <v>3</v>
      </c>
      <c r="I555" s="3">
        <v>4</v>
      </c>
    </row>
    <row r="556" spans="1:9" x14ac:dyDescent="0.25">
      <c r="A556" s="1" t="s">
        <v>566</v>
      </c>
      <c r="B556" s="2">
        <v>5</v>
      </c>
      <c r="C556" t="s">
        <v>22</v>
      </c>
      <c r="D556" s="2">
        <v>480</v>
      </c>
      <c r="E556">
        <v>2.5</v>
      </c>
      <c r="F556" s="3">
        <v>2.4</v>
      </c>
      <c r="G556" t="s">
        <v>187</v>
      </c>
      <c r="H556" s="3">
        <v>3</v>
      </c>
      <c r="I556" s="3">
        <v>3</v>
      </c>
    </row>
    <row r="557" spans="1:9" x14ac:dyDescent="0.25">
      <c r="A557" s="1" t="s">
        <v>567</v>
      </c>
      <c r="B557" s="2">
        <v>15</v>
      </c>
      <c r="C557" t="s">
        <v>13</v>
      </c>
      <c r="D557" s="2">
        <v>480</v>
      </c>
      <c r="E557">
        <v>15</v>
      </c>
      <c r="F557" s="3">
        <v>28.8</v>
      </c>
      <c r="G557" t="s">
        <v>187</v>
      </c>
      <c r="H557" s="3">
        <v>3</v>
      </c>
      <c r="I557" s="3">
        <v>4</v>
      </c>
    </row>
    <row r="558" spans="1:9" x14ac:dyDescent="0.25">
      <c r="A558" s="1" t="s">
        <v>568</v>
      </c>
      <c r="B558" s="2">
        <v>16</v>
      </c>
      <c r="C558" t="s">
        <v>13</v>
      </c>
      <c r="D558" s="2">
        <v>120</v>
      </c>
      <c r="E558">
        <v>15</v>
      </c>
      <c r="F558" s="3">
        <v>10.8</v>
      </c>
      <c r="G558" t="s">
        <v>187</v>
      </c>
      <c r="H558" s="3">
        <v>3</v>
      </c>
      <c r="I558" s="3">
        <v>4</v>
      </c>
    </row>
    <row r="559" spans="1:9" x14ac:dyDescent="0.25">
      <c r="A559" s="1" t="s">
        <v>569</v>
      </c>
      <c r="B559" s="2">
        <v>16</v>
      </c>
      <c r="C559" t="s">
        <v>13</v>
      </c>
      <c r="D559" s="2">
        <v>277</v>
      </c>
      <c r="E559">
        <v>15</v>
      </c>
      <c r="F559" s="3">
        <v>21.6</v>
      </c>
      <c r="G559" t="s">
        <v>187</v>
      </c>
      <c r="H559" s="3">
        <v>3</v>
      </c>
      <c r="I559" s="3">
        <v>4</v>
      </c>
    </row>
    <row r="560" spans="1:9" x14ac:dyDescent="0.25">
      <c r="A560" s="1" t="s">
        <v>570</v>
      </c>
      <c r="B560" s="2">
        <v>28</v>
      </c>
      <c r="C560" t="s">
        <v>13</v>
      </c>
      <c r="D560" s="2">
        <v>120</v>
      </c>
      <c r="E560">
        <v>2.5</v>
      </c>
      <c r="F560" s="3">
        <v>1.2</v>
      </c>
      <c r="G560">
        <v>166.66666666666666</v>
      </c>
      <c r="H560" s="3">
        <v>3</v>
      </c>
      <c r="I560" s="3">
        <v>3</v>
      </c>
    </row>
    <row r="561" spans="1:9" x14ac:dyDescent="0.25">
      <c r="A561" s="1" t="s">
        <v>571</v>
      </c>
      <c r="B561" s="2">
        <v>29</v>
      </c>
      <c r="C561" t="s">
        <v>13</v>
      </c>
      <c r="D561" s="2">
        <v>120</v>
      </c>
      <c r="E561">
        <v>2.5</v>
      </c>
      <c r="F561" s="3">
        <v>1.8</v>
      </c>
      <c r="G561">
        <v>111.11111111111111</v>
      </c>
      <c r="H561" s="3">
        <v>3</v>
      </c>
      <c r="I561" s="3">
        <v>4</v>
      </c>
    </row>
    <row r="562" spans="1:9" x14ac:dyDescent="0.25">
      <c r="A562" s="1" t="s">
        <v>572</v>
      </c>
      <c r="B562" s="2">
        <v>29</v>
      </c>
      <c r="C562" t="s">
        <v>13</v>
      </c>
      <c r="D562" s="2">
        <v>277</v>
      </c>
      <c r="E562">
        <v>2.5</v>
      </c>
      <c r="F562" s="3">
        <v>3.6</v>
      </c>
      <c r="G562">
        <v>55.555555555555557</v>
      </c>
      <c r="H562" s="3">
        <v>3</v>
      </c>
      <c r="I562" s="3">
        <v>4</v>
      </c>
    </row>
    <row r="563" spans="1:9" x14ac:dyDescent="0.25">
      <c r="A563" s="1" t="s">
        <v>573</v>
      </c>
      <c r="B563" s="2">
        <v>12</v>
      </c>
      <c r="C563" t="s">
        <v>271</v>
      </c>
      <c r="D563" s="2">
        <v>120</v>
      </c>
      <c r="E563">
        <v>50</v>
      </c>
      <c r="F563" s="3">
        <v>28.8</v>
      </c>
      <c r="G563">
        <v>6.9444444444444446</v>
      </c>
      <c r="H563" s="3">
        <v>3</v>
      </c>
      <c r="I563" s="3">
        <v>3</v>
      </c>
    </row>
    <row r="564" spans="1:9" x14ac:dyDescent="0.25">
      <c r="A564" s="1" t="s">
        <v>574</v>
      </c>
      <c r="B564" s="2">
        <v>12</v>
      </c>
      <c r="C564" t="s">
        <v>271</v>
      </c>
      <c r="D564" s="2">
        <v>120</v>
      </c>
      <c r="E564">
        <v>50</v>
      </c>
      <c r="F564" s="3">
        <v>28.8</v>
      </c>
      <c r="G564">
        <v>69.444444444444443</v>
      </c>
      <c r="H564" s="3">
        <v>3</v>
      </c>
      <c r="I564" s="3">
        <v>3</v>
      </c>
    </row>
    <row r="565" spans="1:9" x14ac:dyDescent="0.25">
      <c r="A565" s="1" t="s">
        <v>575</v>
      </c>
      <c r="B565" s="2">
        <v>14</v>
      </c>
      <c r="C565" t="s">
        <v>271</v>
      </c>
      <c r="D565" s="2">
        <v>120</v>
      </c>
      <c r="E565">
        <v>50</v>
      </c>
      <c r="F565" s="3">
        <v>43.2</v>
      </c>
      <c r="G565">
        <v>4.6296296296296298</v>
      </c>
      <c r="H565" s="3">
        <v>3</v>
      </c>
      <c r="I565" s="3">
        <v>4</v>
      </c>
    </row>
    <row r="566" spans="1:9" x14ac:dyDescent="0.25">
      <c r="A566" s="1" t="s">
        <v>576</v>
      </c>
      <c r="B566" s="2">
        <v>14</v>
      </c>
      <c r="C566" t="s">
        <v>271</v>
      </c>
      <c r="D566" s="2">
        <v>120</v>
      </c>
      <c r="E566">
        <v>50</v>
      </c>
      <c r="F566" s="3">
        <v>43.2</v>
      </c>
      <c r="G566">
        <v>46.296296296296298</v>
      </c>
      <c r="H566" s="3">
        <v>3</v>
      </c>
      <c r="I566" s="3">
        <v>4</v>
      </c>
    </row>
    <row r="567" spans="1:9" x14ac:dyDescent="0.25">
      <c r="A567" s="1" t="s">
        <v>577</v>
      </c>
      <c r="B567" s="2">
        <v>16</v>
      </c>
      <c r="C567" t="s">
        <v>271</v>
      </c>
      <c r="D567" s="2">
        <v>120</v>
      </c>
      <c r="E567">
        <v>50</v>
      </c>
      <c r="F567" s="3">
        <v>43.2</v>
      </c>
      <c r="G567">
        <v>4.6296296296296298</v>
      </c>
      <c r="H567" s="3">
        <v>3</v>
      </c>
      <c r="I567" s="3">
        <v>4</v>
      </c>
    </row>
    <row r="568" spans="1:9" x14ac:dyDescent="0.25">
      <c r="A568" s="1" t="s">
        <v>578</v>
      </c>
      <c r="B568" s="2">
        <v>16</v>
      </c>
      <c r="C568" t="s">
        <v>271</v>
      </c>
      <c r="D568" s="2">
        <v>120</v>
      </c>
      <c r="E568">
        <v>50</v>
      </c>
      <c r="F568" s="3">
        <v>43.2</v>
      </c>
      <c r="G568">
        <v>46.296296296296298</v>
      </c>
      <c r="H568" s="3">
        <v>3</v>
      </c>
      <c r="I568" s="3">
        <v>4</v>
      </c>
    </row>
    <row r="569" spans="1:9" x14ac:dyDescent="0.25">
      <c r="A569" s="1" t="s">
        <v>579</v>
      </c>
      <c r="B569" s="2">
        <v>12</v>
      </c>
      <c r="C569" t="s">
        <v>271</v>
      </c>
      <c r="D569" s="2">
        <v>240</v>
      </c>
      <c r="E569">
        <v>50</v>
      </c>
      <c r="F569" s="3">
        <v>57.6</v>
      </c>
      <c r="G569">
        <v>3.4722222222222223</v>
      </c>
      <c r="H569" s="3">
        <v>3</v>
      </c>
      <c r="I569" s="3">
        <v>3</v>
      </c>
    </row>
    <row r="570" spans="1:9" x14ac:dyDescent="0.25">
      <c r="A570" s="1" t="s">
        <v>580</v>
      </c>
      <c r="B570" s="2">
        <v>12</v>
      </c>
      <c r="C570" t="s">
        <v>271</v>
      </c>
      <c r="D570" s="2">
        <v>240</v>
      </c>
      <c r="E570">
        <v>50</v>
      </c>
      <c r="F570" s="3">
        <v>57.6</v>
      </c>
      <c r="G570">
        <v>34.722222222222221</v>
      </c>
      <c r="H570" s="3">
        <v>3</v>
      </c>
      <c r="I570" s="3">
        <v>3</v>
      </c>
    </row>
    <row r="571" spans="1:9" x14ac:dyDescent="0.25">
      <c r="A571" s="1" t="s">
        <v>581</v>
      </c>
      <c r="B571" s="2">
        <v>14</v>
      </c>
      <c r="C571" t="s">
        <v>271</v>
      </c>
      <c r="D571" s="2">
        <v>277</v>
      </c>
      <c r="E571">
        <v>50</v>
      </c>
      <c r="F571" s="3">
        <v>86.4</v>
      </c>
      <c r="G571">
        <v>2.3148148148148149</v>
      </c>
      <c r="H571" s="3">
        <v>3</v>
      </c>
      <c r="I571" s="3">
        <v>4</v>
      </c>
    </row>
    <row r="572" spans="1:9" x14ac:dyDescent="0.25">
      <c r="A572" s="1" t="s">
        <v>582</v>
      </c>
      <c r="B572" s="2">
        <v>14</v>
      </c>
      <c r="C572" t="s">
        <v>271</v>
      </c>
      <c r="D572" s="2">
        <v>277</v>
      </c>
      <c r="E572">
        <v>50</v>
      </c>
      <c r="F572" s="3">
        <v>86.4</v>
      </c>
      <c r="G572">
        <v>23.148148148148149</v>
      </c>
      <c r="H572" s="3">
        <v>3</v>
      </c>
      <c r="I572" s="3">
        <v>4</v>
      </c>
    </row>
    <row r="573" spans="1:9" x14ac:dyDescent="0.25">
      <c r="A573" s="1" t="s">
        <v>583</v>
      </c>
      <c r="B573" s="2">
        <v>15</v>
      </c>
      <c r="C573" t="s">
        <v>271</v>
      </c>
      <c r="D573" s="2">
        <v>240</v>
      </c>
      <c r="E573">
        <v>50</v>
      </c>
      <c r="F573" s="3">
        <v>57.6</v>
      </c>
      <c r="G573">
        <v>3.4722222222222223</v>
      </c>
      <c r="H573" s="3">
        <v>3</v>
      </c>
      <c r="I573" s="3">
        <v>4</v>
      </c>
    </row>
    <row r="574" spans="1:9" x14ac:dyDescent="0.25">
      <c r="A574" s="1" t="s">
        <v>584</v>
      </c>
      <c r="B574" s="2">
        <v>15</v>
      </c>
      <c r="C574" t="s">
        <v>271</v>
      </c>
      <c r="D574" s="2">
        <v>240</v>
      </c>
      <c r="E574">
        <v>50</v>
      </c>
      <c r="F574" s="3">
        <v>57.6</v>
      </c>
      <c r="G574">
        <v>34.722222222222221</v>
      </c>
      <c r="H574" s="3">
        <v>3</v>
      </c>
      <c r="I574" s="3">
        <v>4</v>
      </c>
    </row>
    <row r="575" spans="1:9" x14ac:dyDescent="0.25">
      <c r="A575" s="1" t="s">
        <v>585</v>
      </c>
      <c r="B575" s="2">
        <v>16</v>
      </c>
      <c r="C575" t="s">
        <v>271</v>
      </c>
      <c r="D575" s="2">
        <v>277</v>
      </c>
      <c r="E575">
        <v>50</v>
      </c>
      <c r="F575" s="3">
        <v>86.4</v>
      </c>
      <c r="G575">
        <v>2.3148148148148149</v>
      </c>
      <c r="H575" s="3">
        <v>3</v>
      </c>
      <c r="I575" s="3">
        <v>4</v>
      </c>
    </row>
    <row r="576" spans="1:9" x14ac:dyDescent="0.25">
      <c r="A576" s="1" t="s">
        <v>586</v>
      </c>
      <c r="B576" s="2">
        <v>16</v>
      </c>
      <c r="C576" t="s">
        <v>271</v>
      </c>
      <c r="D576" s="2">
        <v>277</v>
      </c>
      <c r="E576">
        <v>50</v>
      </c>
      <c r="F576" s="3">
        <v>86.4</v>
      </c>
      <c r="G576">
        <v>23.148148148148149</v>
      </c>
      <c r="H576" s="3">
        <v>3</v>
      </c>
      <c r="I576" s="3">
        <v>4</v>
      </c>
    </row>
    <row r="577" spans="1:9" x14ac:dyDescent="0.25">
      <c r="A577" s="1" t="s">
        <v>587</v>
      </c>
      <c r="B577" s="2">
        <v>27</v>
      </c>
      <c r="C577" t="s">
        <v>271</v>
      </c>
      <c r="D577" s="2">
        <v>240</v>
      </c>
      <c r="E577">
        <v>50</v>
      </c>
      <c r="F577" s="3">
        <v>57.6</v>
      </c>
      <c r="G577">
        <v>3.4722222222222223</v>
      </c>
      <c r="H577" s="3">
        <v>3</v>
      </c>
      <c r="I577" s="3">
        <v>3</v>
      </c>
    </row>
    <row r="578" spans="1:9" x14ac:dyDescent="0.25">
      <c r="A578" s="1" t="s">
        <v>588</v>
      </c>
      <c r="B578" s="2">
        <v>27</v>
      </c>
      <c r="C578" t="s">
        <v>271</v>
      </c>
      <c r="D578" s="2">
        <v>240</v>
      </c>
      <c r="E578">
        <v>50</v>
      </c>
      <c r="F578" s="3">
        <v>57.6</v>
      </c>
      <c r="G578">
        <v>34.722222222222221</v>
      </c>
      <c r="H578" s="3">
        <v>3</v>
      </c>
      <c r="I578" s="3">
        <v>3</v>
      </c>
    </row>
    <row r="579" spans="1:9" x14ac:dyDescent="0.25">
      <c r="A579" s="1" t="s">
        <v>589</v>
      </c>
      <c r="B579" s="2">
        <v>27</v>
      </c>
      <c r="C579" t="s">
        <v>271</v>
      </c>
      <c r="D579" s="2">
        <v>480</v>
      </c>
      <c r="E579">
        <v>50</v>
      </c>
      <c r="F579" s="3">
        <v>115.2</v>
      </c>
      <c r="G579">
        <v>1.7361111111111112</v>
      </c>
      <c r="H579" s="3">
        <v>3</v>
      </c>
      <c r="I579" s="3">
        <v>3</v>
      </c>
    </row>
    <row r="580" spans="1:9" x14ac:dyDescent="0.25">
      <c r="A580" s="1" t="s">
        <v>590</v>
      </c>
      <c r="B580" s="2">
        <v>27</v>
      </c>
      <c r="C580" t="s">
        <v>271</v>
      </c>
      <c r="D580" s="2">
        <v>480</v>
      </c>
      <c r="E580">
        <v>50</v>
      </c>
      <c r="F580" s="3">
        <v>115.2</v>
      </c>
      <c r="G580">
        <v>17.361111111111111</v>
      </c>
      <c r="H580" s="3">
        <v>3</v>
      </c>
      <c r="I580" s="3">
        <v>3</v>
      </c>
    </row>
    <row r="581" spans="1:9" x14ac:dyDescent="0.25">
      <c r="A581" s="1" t="s">
        <v>591</v>
      </c>
      <c r="B581" s="2">
        <v>3</v>
      </c>
      <c r="C581" t="s">
        <v>13</v>
      </c>
      <c r="D581" s="2">
        <v>240</v>
      </c>
      <c r="E581">
        <v>2.5</v>
      </c>
      <c r="F581" s="3">
        <v>0.6</v>
      </c>
      <c r="G581">
        <v>333.33333333333331</v>
      </c>
      <c r="H581" s="3">
        <v>1</v>
      </c>
      <c r="I581" s="3">
        <v>2</v>
      </c>
    </row>
    <row r="582" spans="1:9" x14ac:dyDescent="0.25">
      <c r="A582" s="1" t="s">
        <v>592</v>
      </c>
      <c r="B582" s="2">
        <v>3</v>
      </c>
      <c r="C582" t="s">
        <v>13</v>
      </c>
      <c r="D582" s="2">
        <v>240</v>
      </c>
      <c r="E582">
        <v>2.5</v>
      </c>
      <c r="F582" s="3">
        <v>0.6</v>
      </c>
      <c r="G582">
        <v>166.66666666666666</v>
      </c>
      <c r="H582" s="3">
        <v>1</v>
      </c>
      <c r="I582" s="3">
        <v>2</v>
      </c>
    </row>
    <row r="583" spans="1:9" x14ac:dyDescent="0.25">
      <c r="A583" s="1" t="s">
        <v>593</v>
      </c>
      <c r="B583" s="2">
        <v>4</v>
      </c>
      <c r="C583" t="s">
        <v>22</v>
      </c>
      <c r="D583" s="2">
        <v>240</v>
      </c>
      <c r="E583">
        <v>2.5</v>
      </c>
      <c r="F583" s="3">
        <v>0.6</v>
      </c>
      <c r="G583">
        <v>333.33333333333331</v>
      </c>
      <c r="H583" s="3">
        <v>1</v>
      </c>
      <c r="I583" s="3">
        <v>3</v>
      </c>
    </row>
    <row r="584" spans="1:9" x14ac:dyDescent="0.25">
      <c r="A584" s="1" t="s">
        <v>594</v>
      </c>
      <c r="B584" s="2">
        <v>9</v>
      </c>
      <c r="C584" t="s">
        <v>13</v>
      </c>
      <c r="D584" s="2">
        <v>240</v>
      </c>
      <c r="E584">
        <v>2.5</v>
      </c>
      <c r="F584" s="3">
        <v>3.6</v>
      </c>
      <c r="G584">
        <v>55.555555555555557</v>
      </c>
      <c r="H584" s="3">
        <v>3</v>
      </c>
      <c r="I584" s="3">
        <v>4</v>
      </c>
    </row>
    <row r="585" spans="1:9" x14ac:dyDescent="0.25">
      <c r="A585" s="1" t="s">
        <v>595</v>
      </c>
      <c r="B585" s="2">
        <v>10</v>
      </c>
      <c r="C585" t="s">
        <v>13</v>
      </c>
      <c r="D585" s="2">
        <v>277</v>
      </c>
      <c r="E585">
        <v>2.5</v>
      </c>
      <c r="F585" s="3">
        <v>3.6</v>
      </c>
      <c r="G585">
        <v>55.555555555555557</v>
      </c>
      <c r="H585" s="3">
        <v>3</v>
      </c>
      <c r="I585" s="3">
        <v>4</v>
      </c>
    </row>
    <row r="586" spans="1:9" x14ac:dyDescent="0.25">
      <c r="A586" s="1" t="s">
        <v>596</v>
      </c>
      <c r="B586" s="2">
        <v>1</v>
      </c>
      <c r="C586" t="s">
        <v>13</v>
      </c>
      <c r="D586" s="2">
        <v>480</v>
      </c>
      <c r="E586">
        <v>15</v>
      </c>
      <c r="F586" s="3">
        <v>7.2</v>
      </c>
      <c r="G586">
        <v>138.88888888888889</v>
      </c>
      <c r="H586" s="3">
        <v>1</v>
      </c>
      <c r="I586" s="3">
        <v>2</v>
      </c>
    </row>
    <row r="587" spans="1:9" x14ac:dyDescent="0.25">
      <c r="A587" s="1" t="s">
        <v>597</v>
      </c>
      <c r="B587" s="2">
        <v>3</v>
      </c>
      <c r="C587" t="s">
        <v>13</v>
      </c>
      <c r="D587" s="2">
        <v>120</v>
      </c>
      <c r="E587">
        <v>5</v>
      </c>
      <c r="F587" s="3">
        <v>0.6</v>
      </c>
      <c r="G587">
        <v>166.66666666666666</v>
      </c>
      <c r="H587" s="3">
        <v>1</v>
      </c>
      <c r="I587" s="3">
        <v>2</v>
      </c>
    </row>
    <row r="588" spans="1:9" x14ac:dyDescent="0.25">
      <c r="A588" s="1" t="s">
        <v>598</v>
      </c>
      <c r="B588" s="2">
        <v>8</v>
      </c>
      <c r="C588" t="s">
        <v>22</v>
      </c>
      <c r="D588" s="2">
        <v>240</v>
      </c>
      <c r="E588">
        <v>2.5</v>
      </c>
      <c r="F588" s="3">
        <v>2.4</v>
      </c>
      <c r="G588">
        <v>166.66666666666666</v>
      </c>
      <c r="H588" s="3">
        <v>3</v>
      </c>
      <c r="I588" s="3">
        <v>4</v>
      </c>
    </row>
    <row r="589" spans="1:9" x14ac:dyDescent="0.25">
      <c r="A589" s="1" t="s">
        <v>599</v>
      </c>
      <c r="B589" s="2">
        <v>6</v>
      </c>
      <c r="C589" t="s">
        <v>22</v>
      </c>
      <c r="D589" s="2">
        <v>277</v>
      </c>
      <c r="E589">
        <v>2.5</v>
      </c>
      <c r="F589" s="3">
        <v>0.3</v>
      </c>
      <c r="G589" t="s">
        <v>187</v>
      </c>
      <c r="H589" s="3">
        <v>3</v>
      </c>
      <c r="I589" s="3">
        <v>4</v>
      </c>
    </row>
    <row r="590" spans="1:9" x14ac:dyDescent="0.25">
      <c r="A590" s="1" t="s">
        <v>600</v>
      </c>
      <c r="B590" s="2">
        <v>12</v>
      </c>
      <c r="C590" t="s">
        <v>13</v>
      </c>
      <c r="D590" s="2">
        <v>480</v>
      </c>
      <c r="E590">
        <v>50</v>
      </c>
      <c r="F590" s="3">
        <v>115.2</v>
      </c>
      <c r="G590" t="s">
        <v>187</v>
      </c>
      <c r="H590" s="3">
        <v>3</v>
      </c>
      <c r="I590" s="3">
        <v>3</v>
      </c>
    </row>
    <row r="591" spans="1:9" x14ac:dyDescent="0.25">
      <c r="A591" s="1" t="s">
        <v>601</v>
      </c>
      <c r="B591" s="2">
        <v>9</v>
      </c>
      <c r="C591" t="s">
        <v>13</v>
      </c>
      <c r="D591" s="2">
        <v>120</v>
      </c>
      <c r="E591">
        <v>2.5</v>
      </c>
      <c r="F591" s="3">
        <v>0</v>
      </c>
      <c r="G591" t="s">
        <v>187</v>
      </c>
      <c r="H591" s="3">
        <v>3</v>
      </c>
      <c r="I591" s="3">
        <v>4</v>
      </c>
    </row>
    <row r="592" spans="1:9" x14ac:dyDescent="0.25">
      <c r="A592" s="1" t="s">
        <v>602</v>
      </c>
      <c r="B592" s="2">
        <v>0</v>
      </c>
      <c r="C592" t="s">
        <v>13</v>
      </c>
      <c r="D592" s="2">
        <v>240</v>
      </c>
      <c r="E592">
        <v>30</v>
      </c>
      <c r="F592" s="3">
        <v>3.6</v>
      </c>
      <c r="G592" t="s">
        <v>187</v>
      </c>
      <c r="H592" s="3">
        <v>1</v>
      </c>
      <c r="I592" s="3">
        <v>3</v>
      </c>
    </row>
    <row r="593" spans="1:9" x14ac:dyDescent="0.25">
      <c r="A593" s="1" t="s">
        <v>603</v>
      </c>
      <c r="B593" s="2">
        <v>12</v>
      </c>
      <c r="C593" t="s">
        <v>13</v>
      </c>
      <c r="D593" s="2">
        <v>480</v>
      </c>
      <c r="E593">
        <v>30</v>
      </c>
      <c r="F593" s="3">
        <v>57.6</v>
      </c>
      <c r="G593">
        <v>166.66666666666666</v>
      </c>
      <c r="H593" s="3">
        <v>3</v>
      </c>
      <c r="I593" s="3">
        <v>3</v>
      </c>
    </row>
    <row r="594" spans="1:9" x14ac:dyDescent="0.25">
      <c r="A594" s="1" t="s">
        <v>604</v>
      </c>
      <c r="B594" s="2">
        <v>10</v>
      </c>
      <c r="C594" t="s">
        <v>13</v>
      </c>
      <c r="D594" s="2">
        <v>120</v>
      </c>
      <c r="E594">
        <v>5</v>
      </c>
      <c r="F594" s="3">
        <v>0</v>
      </c>
      <c r="G594" t="s">
        <v>187</v>
      </c>
      <c r="H594" s="3">
        <v>3</v>
      </c>
      <c r="I594" s="3">
        <v>4</v>
      </c>
    </row>
    <row r="595" spans="1:9" x14ac:dyDescent="0.25">
      <c r="A595" s="1" t="s">
        <v>605</v>
      </c>
      <c r="B595" s="2">
        <v>16</v>
      </c>
      <c r="C595" t="s">
        <v>22</v>
      </c>
      <c r="D595" s="2">
        <v>120</v>
      </c>
      <c r="E595">
        <v>30</v>
      </c>
      <c r="F595" s="3">
        <v>21.6</v>
      </c>
      <c r="G595" t="s">
        <v>187</v>
      </c>
      <c r="H595" s="3">
        <v>3</v>
      </c>
      <c r="I595" s="3">
        <v>4</v>
      </c>
    </row>
    <row r="596" spans="1:9" x14ac:dyDescent="0.25">
      <c r="A596" s="1" t="s">
        <v>606</v>
      </c>
      <c r="B596" s="2">
        <v>1</v>
      </c>
      <c r="C596" t="s">
        <v>13</v>
      </c>
      <c r="D596" s="2">
        <v>120</v>
      </c>
      <c r="E596">
        <v>15</v>
      </c>
      <c r="F596" s="3">
        <v>1.8</v>
      </c>
      <c r="G596">
        <v>111.11111111111111</v>
      </c>
      <c r="H596" s="3">
        <v>1</v>
      </c>
      <c r="I596" s="3">
        <v>2</v>
      </c>
    </row>
    <row r="597" spans="1:9" x14ac:dyDescent="0.25">
      <c r="A597" s="1" t="s">
        <v>607</v>
      </c>
      <c r="B597" s="2">
        <v>1</v>
      </c>
      <c r="C597" t="s">
        <v>13</v>
      </c>
      <c r="D597" s="2">
        <v>480</v>
      </c>
      <c r="E597">
        <v>15</v>
      </c>
      <c r="F597" s="3">
        <v>7.2</v>
      </c>
      <c r="G597">
        <v>13.888888888888889</v>
      </c>
      <c r="H597" s="3">
        <v>1</v>
      </c>
      <c r="I597" s="3">
        <v>2</v>
      </c>
    </row>
    <row r="598" spans="1:9" x14ac:dyDescent="0.25">
      <c r="A598" s="1" t="s">
        <v>608</v>
      </c>
      <c r="B598" s="2">
        <v>1</v>
      </c>
      <c r="C598" t="s">
        <v>13</v>
      </c>
      <c r="D598" s="2">
        <v>120</v>
      </c>
      <c r="E598">
        <v>15</v>
      </c>
      <c r="F598" s="3">
        <v>1.8</v>
      </c>
      <c r="G598">
        <v>27.777777777777779</v>
      </c>
      <c r="H598" s="3">
        <v>1</v>
      </c>
      <c r="I598" s="3">
        <v>2</v>
      </c>
    </row>
    <row r="599" spans="1:9" x14ac:dyDescent="0.25">
      <c r="A599" s="1" t="s">
        <v>609</v>
      </c>
      <c r="B599" s="2">
        <v>1</v>
      </c>
      <c r="C599" t="s">
        <v>13</v>
      </c>
      <c r="D599" s="2">
        <v>480</v>
      </c>
      <c r="E599">
        <v>30</v>
      </c>
      <c r="F599" s="3">
        <v>14.4</v>
      </c>
      <c r="G599">
        <v>6.9444444444444446</v>
      </c>
      <c r="H599" s="3">
        <v>1</v>
      </c>
      <c r="I599" s="3">
        <v>2</v>
      </c>
    </row>
    <row r="600" spans="1:9" x14ac:dyDescent="0.25">
      <c r="A600" s="1" t="s">
        <v>610</v>
      </c>
      <c r="B600" s="2">
        <v>2</v>
      </c>
      <c r="C600" t="s">
        <v>22</v>
      </c>
      <c r="D600" s="2">
        <v>240</v>
      </c>
      <c r="E600">
        <v>30</v>
      </c>
      <c r="F600" s="3">
        <v>7.2</v>
      </c>
      <c r="G600">
        <v>13.888888888888889</v>
      </c>
      <c r="H600" s="3">
        <v>1</v>
      </c>
      <c r="I600" s="3">
        <v>3</v>
      </c>
    </row>
    <row r="601" spans="1:9" x14ac:dyDescent="0.25">
      <c r="A601" s="1" t="s">
        <v>611</v>
      </c>
      <c r="B601" s="2">
        <v>2</v>
      </c>
      <c r="C601" t="s">
        <v>22</v>
      </c>
      <c r="D601" s="2">
        <v>240</v>
      </c>
      <c r="E601">
        <v>30</v>
      </c>
      <c r="F601" s="3">
        <v>7.2</v>
      </c>
      <c r="G601">
        <v>27.777777777777779</v>
      </c>
      <c r="H601" s="3">
        <v>1</v>
      </c>
      <c r="I601" s="3">
        <v>3</v>
      </c>
    </row>
    <row r="602" spans="1:9" x14ac:dyDescent="0.25">
      <c r="A602" s="1" t="s">
        <v>612</v>
      </c>
      <c r="B602" s="2">
        <v>2</v>
      </c>
      <c r="C602" t="s">
        <v>271</v>
      </c>
      <c r="D602" s="2">
        <v>240</v>
      </c>
      <c r="E602">
        <v>50</v>
      </c>
      <c r="F602" s="3">
        <v>14.4</v>
      </c>
      <c r="G602">
        <v>6.9444444444444446</v>
      </c>
      <c r="H602" s="3">
        <v>1</v>
      </c>
      <c r="I602" s="3">
        <v>3</v>
      </c>
    </row>
    <row r="603" spans="1:9" x14ac:dyDescent="0.25">
      <c r="A603" s="1" t="s">
        <v>613</v>
      </c>
      <c r="B603" s="2">
        <v>7</v>
      </c>
      <c r="C603" t="s">
        <v>13</v>
      </c>
      <c r="D603" s="2">
        <v>120</v>
      </c>
      <c r="E603">
        <v>2.5</v>
      </c>
      <c r="F603" s="3">
        <v>1.8</v>
      </c>
      <c r="G603" t="s">
        <v>187</v>
      </c>
      <c r="H603" s="3">
        <v>3</v>
      </c>
      <c r="I603" s="3">
        <v>4</v>
      </c>
    </row>
    <row r="604" spans="1:9" x14ac:dyDescent="0.25">
      <c r="A604" s="1" t="s">
        <v>614</v>
      </c>
      <c r="B604" s="2">
        <v>7</v>
      </c>
      <c r="C604" t="s">
        <v>13</v>
      </c>
      <c r="D604" s="2">
        <v>120</v>
      </c>
      <c r="E604">
        <v>5</v>
      </c>
      <c r="F604" s="3">
        <v>3.6</v>
      </c>
      <c r="G604" t="s">
        <v>187</v>
      </c>
      <c r="H604" s="3">
        <v>3</v>
      </c>
      <c r="I604" s="3">
        <v>4</v>
      </c>
    </row>
    <row r="605" spans="1:9" x14ac:dyDescent="0.25">
      <c r="A605" s="1" t="s">
        <v>615</v>
      </c>
      <c r="B605" s="2">
        <v>7</v>
      </c>
      <c r="C605" t="s">
        <v>13</v>
      </c>
      <c r="D605" s="2">
        <v>277</v>
      </c>
      <c r="E605">
        <v>2.5</v>
      </c>
      <c r="F605" s="3">
        <v>3.6</v>
      </c>
      <c r="G605" t="s">
        <v>187</v>
      </c>
      <c r="H605" s="3">
        <v>3</v>
      </c>
      <c r="I605" s="3">
        <v>4</v>
      </c>
    </row>
    <row r="606" spans="1:9" x14ac:dyDescent="0.25">
      <c r="A606" s="1" t="s">
        <v>616</v>
      </c>
      <c r="B606" s="2">
        <v>7</v>
      </c>
      <c r="C606" t="s">
        <v>13</v>
      </c>
      <c r="D606" s="2">
        <v>277</v>
      </c>
      <c r="E606">
        <v>5</v>
      </c>
      <c r="F606" s="3">
        <v>7.2</v>
      </c>
      <c r="G606" t="s">
        <v>187</v>
      </c>
      <c r="H606" s="3">
        <v>3</v>
      </c>
      <c r="I606" s="3">
        <v>4</v>
      </c>
    </row>
    <row r="607" spans="1:9" x14ac:dyDescent="0.25">
      <c r="A607" s="1" t="s">
        <v>617</v>
      </c>
      <c r="B607" s="2">
        <v>12</v>
      </c>
      <c r="C607" t="s">
        <v>13</v>
      </c>
      <c r="D607" s="2">
        <v>240</v>
      </c>
      <c r="E607">
        <v>30</v>
      </c>
      <c r="F607" s="3">
        <v>28.8</v>
      </c>
      <c r="G607">
        <v>4.166666666666667</v>
      </c>
      <c r="H607" s="3">
        <v>3</v>
      </c>
      <c r="I607" s="3">
        <v>3</v>
      </c>
    </row>
    <row r="608" spans="1:9" x14ac:dyDescent="0.25">
      <c r="A608" s="1" t="s">
        <v>618</v>
      </c>
      <c r="B608" s="2">
        <v>15</v>
      </c>
      <c r="C608" t="s">
        <v>13</v>
      </c>
      <c r="D608" s="2">
        <v>240</v>
      </c>
      <c r="E608">
        <v>30</v>
      </c>
      <c r="F608" s="3">
        <v>28.8</v>
      </c>
      <c r="G608">
        <v>4.166666666666667</v>
      </c>
      <c r="H608" s="3">
        <v>3</v>
      </c>
      <c r="I608" s="3">
        <v>4</v>
      </c>
    </row>
    <row r="609" spans="1:9" x14ac:dyDescent="0.25">
      <c r="A609" s="1" t="s">
        <v>619</v>
      </c>
      <c r="B609" s="2">
        <v>12</v>
      </c>
      <c r="C609" t="s">
        <v>13</v>
      </c>
      <c r="D609" s="2">
        <v>120</v>
      </c>
      <c r="E609">
        <v>30</v>
      </c>
      <c r="F609" s="3">
        <v>14.4</v>
      </c>
      <c r="G609">
        <v>8.3333333333333339</v>
      </c>
      <c r="H609" s="3">
        <v>3</v>
      </c>
      <c r="I609" s="3">
        <v>3</v>
      </c>
    </row>
    <row r="610" spans="1:9" x14ac:dyDescent="0.25">
      <c r="A610" s="1" t="s">
        <v>620</v>
      </c>
      <c r="B610" s="2">
        <v>14</v>
      </c>
      <c r="C610" t="s">
        <v>13</v>
      </c>
      <c r="D610" s="2">
        <v>120</v>
      </c>
      <c r="E610">
        <v>30</v>
      </c>
      <c r="F610" s="3">
        <v>21.6</v>
      </c>
      <c r="G610">
        <v>5.5555555555555554</v>
      </c>
      <c r="H610" s="3">
        <v>3</v>
      </c>
      <c r="I610" s="3">
        <v>4</v>
      </c>
    </row>
    <row r="611" spans="1:9" x14ac:dyDescent="0.25">
      <c r="A611" s="1" t="s">
        <v>621</v>
      </c>
      <c r="B611" s="2">
        <v>9</v>
      </c>
      <c r="C611" t="s">
        <v>22</v>
      </c>
      <c r="D611" s="2">
        <v>120</v>
      </c>
      <c r="E611">
        <v>2.5</v>
      </c>
      <c r="F611" s="3">
        <v>1.8</v>
      </c>
      <c r="G611" t="s">
        <v>187</v>
      </c>
      <c r="H611" s="3">
        <v>3</v>
      </c>
      <c r="I611" s="3">
        <v>4</v>
      </c>
    </row>
    <row r="612" spans="1:9" x14ac:dyDescent="0.25">
      <c r="A612" s="1" t="s">
        <v>622</v>
      </c>
      <c r="B612" s="2">
        <v>5</v>
      </c>
      <c r="C612" t="s">
        <v>22</v>
      </c>
      <c r="D612" s="2">
        <v>120</v>
      </c>
      <c r="E612">
        <v>2.5</v>
      </c>
      <c r="F612" s="3">
        <v>1.2</v>
      </c>
      <c r="G612">
        <v>100</v>
      </c>
      <c r="H612" s="3">
        <v>3</v>
      </c>
      <c r="I612" s="3">
        <v>3</v>
      </c>
    </row>
    <row r="613" spans="1:9" x14ac:dyDescent="0.25">
      <c r="A613" s="1" t="s">
        <v>623</v>
      </c>
      <c r="B613" s="2">
        <v>6</v>
      </c>
      <c r="C613" t="s">
        <v>22</v>
      </c>
      <c r="D613" s="2">
        <v>120</v>
      </c>
      <c r="E613">
        <v>2.5</v>
      </c>
      <c r="F613" s="3">
        <v>1.8</v>
      </c>
      <c r="G613">
        <v>66.666666666666671</v>
      </c>
      <c r="H613" s="3">
        <v>3</v>
      </c>
      <c r="I613" s="3">
        <v>4</v>
      </c>
    </row>
    <row r="614" spans="1:9" x14ac:dyDescent="0.25">
      <c r="A614" s="1" t="s">
        <v>624</v>
      </c>
      <c r="B614" s="2">
        <v>2</v>
      </c>
      <c r="C614" t="s">
        <v>13</v>
      </c>
      <c r="D614" s="2">
        <v>240</v>
      </c>
      <c r="E614">
        <v>2.5</v>
      </c>
      <c r="F614" s="3">
        <v>0.6</v>
      </c>
      <c r="G614">
        <v>27.777777777777779</v>
      </c>
      <c r="H614" s="3">
        <v>1</v>
      </c>
      <c r="I614" s="3">
        <v>3</v>
      </c>
    </row>
    <row r="615" spans="1:9" x14ac:dyDescent="0.25">
      <c r="A615" s="1" t="s">
        <v>625</v>
      </c>
      <c r="B615" s="2">
        <v>5</v>
      </c>
      <c r="C615" t="s">
        <v>22</v>
      </c>
      <c r="D615" s="2">
        <v>120</v>
      </c>
      <c r="E615">
        <v>2.5</v>
      </c>
      <c r="F615" s="3">
        <v>1.2</v>
      </c>
      <c r="G615">
        <v>50</v>
      </c>
      <c r="H615" s="3">
        <v>3</v>
      </c>
      <c r="I615" s="3">
        <v>3</v>
      </c>
    </row>
    <row r="616" spans="1:9" x14ac:dyDescent="0.25">
      <c r="A616" s="1" t="s">
        <v>626</v>
      </c>
      <c r="B616" s="2">
        <v>8</v>
      </c>
      <c r="C616" t="s">
        <v>22</v>
      </c>
      <c r="D616" s="2">
        <v>240</v>
      </c>
      <c r="E616">
        <v>2.5</v>
      </c>
      <c r="F616" s="3">
        <v>2.4</v>
      </c>
      <c r="G616">
        <v>50</v>
      </c>
      <c r="H616" s="3">
        <v>3</v>
      </c>
      <c r="I616" s="3">
        <v>4</v>
      </c>
    </row>
    <row r="617" spans="1:9" x14ac:dyDescent="0.25">
      <c r="A617" s="1" t="s">
        <v>627</v>
      </c>
      <c r="B617" s="2">
        <v>8</v>
      </c>
      <c r="C617" t="s">
        <v>13</v>
      </c>
      <c r="D617" s="2">
        <v>240</v>
      </c>
      <c r="E617">
        <v>2.5</v>
      </c>
      <c r="F617" s="3">
        <v>2.4</v>
      </c>
      <c r="G617" t="s">
        <v>187</v>
      </c>
      <c r="H617" s="3">
        <v>3</v>
      </c>
      <c r="I617" s="3">
        <v>4</v>
      </c>
    </row>
    <row r="618" spans="1:9" x14ac:dyDescent="0.25">
      <c r="A618" s="1" t="s">
        <v>628</v>
      </c>
      <c r="B618" s="2">
        <v>8</v>
      </c>
      <c r="C618" t="s">
        <v>13</v>
      </c>
      <c r="D618" s="2">
        <v>240</v>
      </c>
      <c r="E618">
        <v>5</v>
      </c>
      <c r="F618" s="3">
        <v>4.8</v>
      </c>
      <c r="G618" t="s">
        <v>187</v>
      </c>
      <c r="H618" s="3">
        <v>3</v>
      </c>
      <c r="I618" s="3">
        <v>4</v>
      </c>
    </row>
    <row r="619" spans="1:9" x14ac:dyDescent="0.25">
      <c r="A619" s="1" t="s">
        <v>629</v>
      </c>
      <c r="B619" s="2">
        <v>8</v>
      </c>
      <c r="C619" t="s">
        <v>27</v>
      </c>
      <c r="D619" s="2">
        <v>240</v>
      </c>
      <c r="E619">
        <v>2.5</v>
      </c>
      <c r="F619" s="3">
        <v>2.4</v>
      </c>
      <c r="G619" t="s">
        <v>187</v>
      </c>
      <c r="H619" s="3">
        <v>3</v>
      </c>
      <c r="I619" s="3">
        <v>4</v>
      </c>
    </row>
    <row r="620" spans="1:9" x14ac:dyDescent="0.25">
      <c r="A620" s="1" t="s">
        <v>630</v>
      </c>
      <c r="B620" s="2">
        <v>8</v>
      </c>
      <c r="C620" t="s">
        <v>27</v>
      </c>
      <c r="D620" s="2">
        <v>240</v>
      </c>
      <c r="E620">
        <v>5</v>
      </c>
      <c r="F620" s="3">
        <v>4.8</v>
      </c>
      <c r="G620" t="s">
        <v>187</v>
      </c>
      <c r="H620" s="3">
        <v>3</v>
      </c>
      <c r="I620" s="3">
        <v>4</v>
      </c>
    </row>
    <row r="621" spans="1:9" x14ac:dyDescent="0.25">
      <c r="A621" s="1" t="s">
        <v>631</v>
      </c>
      <c r="B621" s="2">
        <v>9</v>
      </c>
      <c r="C621" t="s">
        <v>13</v>
      </c>
      <c r="D621" s="2">
        <v>120</v>
      </c>
      <c r="E621">
        <v>2.5</v>
      </c>
      <c r="F621" s="3">
        <v>1.8</v>
      </c>
      <c r="G621" t="s">
        <v>187</v>
      </c>
      <c r="H621" s="3">
        <v>3</v>
      </c>
      <c r="I621" s="3">
        <v>4</v>
      </c>
    </row>
    <row r="622" spans="1:9" x14ac:dyDescent="0.25">
      <c r="A622" s="1" t="s">
        <v>632</v>
      </c>
      <c r="B622" s="2">
        <v>16</v>
      </c>
      <c r="C622" t="s">
        <v>271</v>
      </c>
      <c r="D622" s="2">
        <v>120</v>
      </c>
      <c r="E622">
        <v>50</v>
      </c>
      <c r="F622" s="3">
        <v>57.6</v>
      </c>
      <c r="G622" t="s">
        <v>187</v>
      </c>
      <c r="H622" s="3">
        <v>3</v>
      </c>
      <c r="I622" s="3">
        <v>4</v>
      </c>
    </row>
    <row r="623" spans="1:9" x14ac:dyDescent="0.25">
      <c r="A623" s="1" t="s">
        <v>633</v>
      </c>
      <c r="B623" s="2">
        <v>17</v>
      </c>
      <c r="C623" t="s">
        <v>13</v>
      </c>
      <c r="D623" s="2">
        <v>120</v>
      </c>
      <c r="E623">
        <v>30</v>
      </c>
      <c r="F623" s="3">
        <v>28.8</v>
      </c>
      <c r="G623" t="s">
        <v>187</v>
      </c>
      <c r="H623" s="3">
        <v>3</v>
      </c>
      <c r="I623" s="3">
        <v>4</v>
      </c>
    </row>
    <row r="624" spans="1:9" x14ac:dyDescent="0.25">
      <c r="A624" s="1" t="s">
        <v>634</v>
      </c>
      <c r="B624" s="2">
        <v>17</v>
      </c>
      <c r="C624" t="s">
        <v>13</v>
      </c>
      <c r="D624" s="2">
        <v>240</v>
      </c>
      <c r="E624">
        <v>30</v>
      </c>
      <c r="F624" s="3">
        <v>28.8</v>
      </c>
      <c r="G624" t="s">
        <v>187</v>
      </c>
      <c r="H624" s="3">
        <v>3</v>
      </c>
      <c r="I624" s="3">
        <v>4</v>
      </c>
    </row>
    <row r="625" spans="1:9" x14ac:dyDescent="0.25">
      <c r="A625" s="1" t="s">
        <v>635</v>
      </c>
      <c r="B625" s="2">
        <v>17</v>
      </c>
      <c r="C625" t="s">
        <v>13</v>
      </c>
      <c r="D625" s="2">
        <v>120</v>
      </c>
      <c r="E625">
        <v>50</v>
      </c>
      <c r="F625" s="3">
        <v>28.8</v>
      </c>
      <c r="G625" t="s">
        <v>187</v>
      </c>
      <c r="H625" s="3">
        <v>3</v>
      </c>
      <c r="I625" s="3">
        <v>4</v>
      </c>
    </row>
    <row r="626" spans="1:9" x14ac:dyDescent="0.25">
      <c r="A626" s="1" t="s">
        <v>636</v>
      </c>
      <c r="B626" s="2">
        <v>17</v>
      </c>
      <c r="C626" t="s">
        <v>271</v>
      </c>
      <c r="D626" s="2">
        <v>240</v>
      </c>
      <c r="E626">
        <v>50</v>
      </c>
      <c r="F626" s="3">
        <v>57.6</v>
      </c>
      <c r="G626" t="s">
        <v>187</v>
      </c>
      <c r="H626" s="3">
        <v>3</v>
      </c>
      <c r="I626" s="3">
        <v>4</v>
      </c>
    </row>
    <row r="627" spans="1:9" x14ac:dyDescent="0.25">
      <c r="A627" s="1" t="s">
        <v>637</v>
      </c>
      <c r="B627" s="2">
        <v>17</v>
      </c>
      <c r="C627" t="s">
        <v>13</v>
      </c>
      <c r="D627" s="2">
        <v>240</v>
      </c>
      <c r="E627">
        <v>50</v>
      </c>
      <c r="F627" s="3">
        <v>28.8</v>
      </c>
      <c r="G627" t="s">
        <v>187</v>
      </c>
      <c r="H627" s="3">
        <v>3</v>
      </c>
      <c r="I627" s="3">
        <v>4</v>
      </c>
    </row>
    <row r="628" spans="1:9" x14ac:dyDescent="0.25">
      <c r="A628" s="1" t="s">
        <v>638</v>
      </c>
      <c r="B628" s="2">
        <v>17</v>
      </c>
      <c r="C628" t="s">
        <v>271</v>
      </c>
      <c r="D628" s="2">
        <v>120</v>
      </c>
      <c r="E628">
        <v>50</v>
      </c>
      <c r="F628" s="3">
        <v>57.6</v>
      </c>
      <c r="G628" t="s">
        <v>187</v>
      </c>
      <c r="H628" s="3">
        <v>3</v>
      </c>
      <c r="I628" s="3">
        <v>4</v>
      </c>
    </row>
    <row r="629" spans="1:9" x14ac:dyDescent="0.25">
      <c r="A629" s="1" t="s">
        <v>639</v>
      </c>
      <c r="B629" s="2">
        <v>2</v>
      </c>
      <c r="C629" t="s">
        <v>13</v>
      </c>
      <c r="D629" s="2">
        <v>120</v>
      </c>
      <c r="E629">
        <v>30</v>
      </c>
      <c r="F629" s="3">
        <v>3.6</v>
      </c>
      <c r="G629">
        <v>55.555555555555557</v>
      </c>
      <c r="H629" s="3">
        <v>1</v>
      </c>
      <c r="I629" s="3">
        <v>3</v>
      </c>
    </row>
    <row r="630" spans="1:9" x14ac:dyDescent="0.25">
      <c r="A630" s="1" t="s">
        <v>640</v>
      </c>
      <c r="B630" s="2">
        <v>15</v>
      </c>
      <c r="C630" t="s">
        <v>13</v>
      </c>
      <c r="D630" s="2">
        <v>480</v>
      </c>
      <c r="E630">
        <v>15</v>
      </c>
      <c r="F630" s="3">
        <v>28.8</v>
      </c>
      <c r="G630">
        <v>6.9444444444444446</v>
      </c>
      <c r="H630" s="3">
        <v>3</v>
      </c>
      <c r="I630" s="3">
        <v>4</v>
      </c>
    </row>
    <row r="631" spans="1:9" x14ac:dyDescent="0.25">
      <c r="A631" s="1" t="s">
        <v>641</v>
      </c>
      <c r="B631" s="2">
        <v>13</v>
      </c>
      <c r="C631" t="s">
        <v>13</v>
      </c>
      <c r="D631" s="2">
        <v>240</v>
      </c>
      <c r="E631">
        <v>30</v>
      </c>
      <c r="F631" s="3">
        <v>28.8</v>
      </c>
      <c r="G631" t="s">
        <v>187</v>
      </c>
      <c r="H631" s="3">
        <v>3</v>
      </c>
      <c r="I631" s="3">
        <v>3</v>
      </c>
    </row>
    <row r="632" spans="1:9" x14ac:dyDescent="0.25">
      <c r="A632" s="1" t="s">
        <v>642</v>
      </c>
      <c r="B632" s="2">
        <v>9</v>
      </c>
      <c r="C632" t="s">
        <v>13</v>
      </c>
      <c r="D632" s="2">
        <v>120</v>
      </c>
      <c r="E632">
        <v>5</v>
      </c>
      <c r="F632" s="3">
        <v>3.6</v>
      </c>
      <c r="G632" t="s">
        <v>187</v>
      </c>
      <c r="H632" s="3">
        <v>3</v>
      </c>
      <c r="I632" s="3">
        <v>4</v>
      </c>
    </row>
    <row r="633" spans="1:9" x14ac:dyDescent="0.25">
      <c r="A633" s="1" t="s">
        <v>643</v>
      </c>
      <c r="B633" s="2">
        <v>9</v>
      </c>
      <c r="C633" t="s">
        <v>13</v>
      </c>
      <c r="D633" s="2">
        <v>277</v>
      </c>
      <c r="E633">
        <v>2.5</v>
      </c>
      <c r="F633" s="3">
        <v>3.6</v>
      </c>
      <c r="G633" t="s">
        <v>187</v>
      </c>
      <c r="H633" s="3">
        <v>3</v>
      </c>
      <c r="I633" s="3">
        <v>4</v>
      </c>
    </row>
    <row r="634" spans="1:9" x14ac:dyDescent="0.25">
      <c r="A634" s="1" t="s">
        <v>644</v>
      </c>
      <c r="B634" s="2">
        <v>9</v>
      </c>
      <c r="C634" t="s">
        <v>13</v>
      </c>
      <c r="D634" s="2">
        <v>277</v>
      </c>
      <c r="E634">
        <v>5</v>
      </c>
      <c r="F634" s="3">
        <v>7.2</v>
      </c>
      <c r="G634" t="s">
        <v>187</v>
      </c>
      <c r="H634" s="3">
        <v>3</v>
      </c>
      <c r="I634" s="3">
        <v>4</v>
      </c>
    </row>
    <row r="635" spans="1:9" x14ac:dyDescent="0.25">
      <c r="A635" s="1" t="s">
        <v>645</v>
      </c>
      <c r="B635" s="2">
        <v>9</v>
      </c>
      <c r="C635" t="s">
        <v>27</v>
      </c>
      <c r="D635" s="2">
        <v>120</v>
      </c>
      <c r="E635">
        <v>2.5</v>
      </c>
      <c r="F635" s="3">
        <v>1.8</v>
      </c>
      <c r="G635" t="s">
        <v>187</v>
      </c>
      <c r="H635" s="3">
        <v>3</v>
      </c>
      <c r="I635" s="3">
        <v>4</v>
      </c>
    </row>
    <row r="636" spans="1:9" x14ac:dyDescent="0.25">
      <c r="A636" s="1" t="s">
        <v>646</v>
      </c>
      <c r="B636" s="2">
        <v>9</v>
      </c>
      <c r="C636" t="s">
        <v>27</v>
      </c>
      <c r="D636" s="2">
        <v>120</v>
      </c>
      <c r="E636">
        <v>5</v>
      </c>
      <c r="F636" s="3">
        <v>3.6</v>
      </c>
      <c r="G636" t="s">
        <v>187</v>
      </c>
      <c r="H636" s="3">
        <v>3</v>
      </c>
      <c r="I636" s="3">
        <v>4</v>
      </c>
    </row>
    <row r="637" spans="1:9" x14ac:dyDescent="0.25">
      <c r="A637" s="1" t="s">
        <v>647</v>
      </c>
      <c r="B637" s="2">
        <v>9</v>
      </c>
      <c r="C637" t="s">
        <v>27</v>
      </c>
      <c r="D637" s="2">
        <v>277</v>
      </c>
      <c r="E637">
        <v>2.5</v>
      </c>
      <c r="F637" s="3">
        <v>3.6</v>
      </c>
      <c r="G637" t="s">
        <v>187</v>
      </c>
      <c r="H637" s="3">
        <v>3</v>
      </c>
      <c r="I637" s="3">
        <v>4</v>
      </c>
    </row>
    <row r="638" spans="1:9" x14ac:dyDescent="0.25">
      <c r="A638" s="1" t="s">
        <v>648</v>
      </c>
      <c r="B638" s="2">
        <v>9</v>
      </c>
      <c r="C638" t="s">
        <v>27</v>
      </c>
      <c r="D638" s="2">
        <v>277</v>
      </c>
      <c r="E638">
        <v>5</v>
      </c>
      <c r="F638" s="3">
        <v>7.2</v>
      </c>
      <c r="G638" t="s">
        <v>187</v>
      </c>
      <c r="H638" s="3">
        <v>3</v>
      </c>
      <c r="I638" s="3">
        <v>4</v>
      </c>
    </row>
    <row r="639" spans="1:9" x14ac:dyDescent="0.25">
      <c r="A639" s="1" t="s">
        <v>649</v>
      </c>
      <c r="B639" s="2">
        <v>10</v>
      </c>
      <c r="C639" t="s">
        <v>13</v>
      </c>
      <c r="D639" s="2">
        <v>120</v>
      </c>
      <c r="E639">
        <v>2.5</v>
      </c>
      <c r="F639" s="3">
        <v>1.8</v>
      </c>
      <c r="G639" t="s">
        <v>187</v>
      </c>
      <c r="H639" s="3">
        <v>3</v>
      </c>
      <c r="I639" s="3">
        <v>4</v>
      </c>
    </row>
    <row r="640" spans="1:9" x14ac:dyDescent="0.25">
      <c r="A640" s="1" t="s">
        <v>650</v>
      </c>
      <c r="B640" s="2">
        <v>10</v>
      </c>
      <c r="C640" t="s">
        <v>13</v>
      </c>
      <c r="D640" s="2">
        <v>120</v>
      </c>
      <c r="E640">
        <v>5</v>
      </c>
      <c r="F640" s="3">
        <v>3.6</v>
      </c>
      <c r="G640" t="s">
        <v>187</v>
      </c>
      <c r="H640" s="3">
        <v>3</v>
      </c>
      <c r="I640" s="3">
        <v>4</v>
      </c>
    </row>
    <row r="641" spans="1:9" x14ac:dyDescent="0.25">
      <c r="A641" s="1" t="s">
        <v>651</v>
      </c>
      <c r="B641" s="2">
        <v>2</v>
      </c>
      <c r="C641" t="s">
        <v>13</v>
      </c>
      <c r="D641" s="2">
        <v>240</v>
      </c>
      <c r="E641">
        <v>30</v>
      </c>
      <c r="F641" s="3">
        <v>14.4</v>
      </c>
      <c r="G641">
        <v>13.888888888888889</v>
      </c>
      <c r="H641" s="3">
        <v>1</v>
      </c>
      <c r="I641" s="3">
        <v>3</v>
      </c>
    </row>
    <row r="642" spans="1:9" x14ac:dyDescent="0.25">
      <c r="A642" s="1" t="s">
        <v>652</v>
      </c>
      <c r="B642" s="2">
        <v>10</v>
      </c>
      <c r="C642" t="s">
        <v>13</v>
      </c>
      <c r="D642" s="2">
        <v>277</v>
      </c>
      <c r="E642">
        <v>2.5</v>
      </c>
      <c r="F642" s="3">
        <v>3.6</v>
      </c>
      <c r="G642" t="s">
        <v>187</v>
      </c>
      <c r="H642" s="3">
        <v>3</v>
      </c>
      <c r="I642" s="3">
        <v>4</v>
      </c>
    </row>
    <row r="643" spans="1:9" x14ac:dyDescent="0.25">
      <c r="A643" s="1" t="s">
        <v>653</v>
      </c>
      <c r="B643" s="2">
        <v>5</v>
      </c>
      <c r="C643" t="s">
        <v>13</v>
      </c>
      <c r="D643" s="2">
        <v>120</v>
      </c>
      <c r="E643">
        <v>2.5</v>
      </c>
      <c r="F643" s="3">
        <v>0.6</v>
      </c>
      <c r="G643">
        <v>6.9444444444444446</v>
      </c>
      <c r="H643" s="3">
        <v>3</v>
      </c>
      <c r="I643" s="3">
        <v>3</v>
      </c>
    </row>
    <row r="644" spans="1:9" x14ac:dyDescent="0.25">
      <c r="A644" s="1" t="s">
        <v>654</v>
      </c>
      <c r="B644" s="2">
        <v>14</v>
      </c>
      <c r="C644" t="s">
        <v>11</v>
      </c>
      <c r="D644" s="2">
        <v>277</v>
      </c>
      <c r="E644">
        <v>2.5</v>
      </c>
      <c r="F644" s="3">
        <v>3.6</v>
      </c>
      <c r="G644">
        <v>27.777777777777779</v>
      </c>
      <c r="H644" s="3">
        <v>3</v>
      </c>
      <c r="I644" s="3">
        <v>4</v>
      </c>
    </row>
    <row r="645" spans="1:9" x14ac:dyDescent="0.25">
      <c r="A645" s="1" t="s">
        <v>655</v>
      </c>
      <c r="B645" s="2">
        <v>14</v>
      </c>
      <c r="C645" t="s">
        <v>11</v>
      </c>
      <c r="D645" s="2">
        <v>277</v>
      </c>
      <c r="E645">
        <v>2.5</v>
      </c>
      <c r="F645" s="3">
        <v>3.6</v>
      </c>
      <c r="G645">
        <v>55.555555555555557</v>
      </c>
      <c r="H645" s="3">
        <v>3</v>
      </c>
      <c r="I645" s="3">
        <v>4</v>
      </c>
    </row>
    <row r="646" spans="1:9" x14ac:dyDescent="0.25">
      <c r="A646" s="1" t="s">
        <v>656</v>
      </c>
      <c r="B646" s="2">
        <v>5</v>
      </c>
      <c r="C646" t="s">
        <v>22</v>
      </c>
      <c r="D646" s="2">
        <v>120</v>
      </c>
      <c r="E646">
        <v>2.5</v>
      </c>
      <c r="F646" s="3">
        <v>1.2</v>
      </c>
      <c r="G646">
        <v>100</v>
      </c>
      <c r="H646" s="3">
        <v>2</v>
      </c>
      <c r="I646" s="3">
        <v>4</v>
      </c>
    </row>
    <row r="647" spans="1:9" x14ac:dyDescent="0.25">
      <c r="A647" s="1" t="s">
        <v>657</v>
      </c>
      <c r="B647" s="2">
        <v>10</v>
      </c>
      <c r="C647" t="s">
        <v>13</v>
      </c>
      <c r="D647" s="2">
        <v>277</v>
      </c>
      <c r="E647">
        <v>5</v>
      </c>
      <c r="F647" s="3">
        <v>7.2</v>
      </c>
      <c r="G647" t="s">
        <v>187</v>
      </c>
      <c r="H647" s="3">
        <v>3</v>
      </c>
      <c r="I647" s="3">
        <v>4</v>
      </c>
    </row>
    <row r="648" spans="1:9" x14ac:dyDescent="0.25">
      <c r="A648" s="1" t="s">
        <v>658</v>
      </c>
      <c r="B648" s="2">
        <v>16</v>
      </c>
      <c r="C648" t="s">
        <v>11</v>
      </c>
      <c r="D648" s="2">
        <v>277</v>
      </c>
      <c r="E648">
        <v>15</v>
      </c>
      <c r="F648" s="3">
        <v>1.8</v>
      </c>
      <c r="G648">
        <v>111.11111111111111</v>
      </c>
      <c r="H648" s="3">
        <v>3</v>
      </c>
      <c r="I648" s="3">
        <v>4</v>
      </c>
    </row>
    <row r="649" spans="1:9" x14ac:dyDescent="0.25">
      <c r="A649" s="1" t="s">
        <v>659</v>
      </c>
      <c r="B649" s="2">
        <v>16</v>
      </c>
      <c r="C649" t="s">
        <v>11</v>
      </c>
      <c r="D649" s="2">
        <v>277</v>
      </c>
      <c r="E649">
        <v>15</v>
      </c>
      <c r="F649" s="3">
        <v>3.6</v>
      </c>
      <c r="G649">
        <v>27.777777777777779</v>
      </c>
      <c r="H649" s="3">
        <v>3</v>
      </c>
      <c r="I649" s="3">
        <v>4</v>
      </c>
    </row>
    <row r="650" spans="1:9" x14ac:dyDescent="0.25">
      <c r="A650" s="1" t="s">
        <v>660</v>
      </c>
      <c r="B650" s="2">
        <v>16</v>
      </c>
      <c r="C650" t="s">
        <v>11</v>
      </c>
      <c r="D650" s="2">
        <v>277</v>
      </c>
      <c r="E650">
        <v>15</v>
      </c>
      <c r="F650" s="3">
        <v>3.6</v>
      </c>
      <c r="G650">
        <v>55.555555555555557</v>
      </c>
      <c r="H650" s="3">
        <v>3</v>
      </c>
      <c r="I650" s="3">
        <v>4</v>
      </c>
    </row>
    <row r="651" spans="1:9" x14ac:dyDescent="0.25">
      <c r="A651" s="1" t="s">
        <v>661</v>
      </c>
      <c r="B651" s="2">
        <v>24</v>
      </c>
      <c r="C651" t="s">
        <v>13</v>
      </c>
      <c r="D651" s="2">
        <v>240</v>
      </c>
      <c r="E651">
        <v>2.5</v>
      </c>
      <c r="F651" s="3">
        <v>2.4</v>
      </c>
      <c r="G651" t="s">
        <v>187</v>
      </c>
      <c r="H651" s="3">
        <v>3</v>
      </c>
      <c r="I651" s="3">
        <v>4</v>
      </c>
    </row>
    <row r="652" spans="1:9" x14ac:dyDescent="0.25">
      <c r="A652" s="1" t="s">
        <v>662</v>
      </c>
      <c r="B652" s="2">
        <v>2</v>
      </c>
      <c r="C652" t="s">
        <v>13</v>
      </c>
      <c r="D652" s="2">
        <v>240</v>
      </c>
      <c r="E652">
        <v>15</v>
      </c>
      <c r="F652" s="3">
        <v>6</v>
      </c>
      <c r="G652">
        <v>16.666666666666668</v>
      </c>
      <c r="H652" s="3">
        <v>1</v>
      </c>
      <c r="I652" s="3">
        <v>3</v>
      </c>
    </row>
    <row r="653" spans="1:9" x14ac:dyDescent="0.25">
      <c r="A653" s="1" t="s">
        <v>663</v>
      </c>
      <c r="B653" s="2">
        <v>24</v>
      </c>
      <c r="C653" t="s">
        <v>13</v>
      </c>
      <c r="D653" s="2">
        <v>240</v>
      </c>
      <c r="E653">
        <v>5</v>
      </c>
      <c r="F653" s="3">
        <v>4.8</v>
      </c>
      <c r="G653" t="s">
        <v>187</v>
      </c>
      <c r="H653" s="3">
        <v>3</v>
      </c>
      <c r="I653" s="3">
        <v>4</v>
      </c>
    </row>
    <row r="654" spans="1:9" x14ac:dyDescent="0.25">
      <c r="A654" s="1" t="s">
        <v>664</v>
      </c>
      <c r="B654" s="2">
        <v>26</v>
      </c>
      <c r="C654" t="s">
        <v>13</v>
      </c>
      <c r="D654" s="2">
        <v>120</v>
      </c>
      <c r="E654">
        <v>2.5</v>
      </c>
      <c r="F654" s="3">
        <v>1.2</v>
      </c>
      <c r="G654" t="s">
        <v>187</v>
      </c>
      <c r="H654" s="3">
        <v>3</v>
      </c>
      <c r="I654" s="3">
        <v>3</v>
      </c>
    </row>
    <row r="655" spans="1:9" x14ac:dyDescent="0.25">
      <c r="A655" s="1" t="s">
        <v>665</v>
      </c>
      <c r="B655" s="2">
        <v>3</v>
      </c>
      <c r="C655" t="s">
        <v>13</v>
      </c>
      <c r="D655" s="2">
        <v>120</v>
      </c>
      <c r="E655">
        <v>2.5</v>
      </c>
      <c r="F655" s="3">
        <v>0.3</v>
      </c>
      <c r="G655">
        <v>666.66666666666663</v>
      </c>
      <c r="H655" s="3">
        <v>1</v>
      </c>
      <c r="I655" s="3">
        <v>2</v>
      </c>
    </row>
    <row r="656" spans="1:9" x14ac:dyDescent="0.25">
      <c r="A656" s="1" t="s">
        <v>666</v>
      </c>
      <c r="B656" s="2">
        <v>4</v>
      </c>
      <c r="C656" t="s">
        <v>13</v>
      </c>
      <c r="D656" s="2">
        <v>240</v>
      </c>
      <c r="E656">
        <v>2.5</v>
      </c>
      <c r="F656" s="3">
        <v>0.6</v>
      </c>
      <c r="G656">
        <v>333.33333333333331</v>
      </c>
      <c r="H656" s="3">
        <v>1</v>
      </c>
      <c r="I656" s="3">
        <v>3</v>
      </c>
    </row>
    <row r="657" spans="1:9" x14ac:dyDescent="0.25">
      <c r="A657" s="1" t="s">
        <v>667</v>
      </c>
      <c r="B657" s="2">
        <v>4</v>
      </c>
      <c r="C657" t="s">
        <v>13</v>
      </c>
      <c r="D657" s="2">
        <v>240</v>
      </c>
      <c r="E657">
        <v>2.5</v>
      </c>
      <c r="F657" s="3">
        <v>0.6</v>
      </c>
      <c r="G657">
        <v>83.333333333333329</v>
      </c>
      <c r="H657" s="3">
        <v>1</v>
      </c>
      <c r="I657" s="3">
        <v>3</v>
      </c>
    </row>
    <row r="658" spans="1:9" x14ac:dyDescent="0.25">
      <c r="A658" s="1" t="s">
        <v>668</v>
      </c>
      <c r="B658" s="2">
        <v>16</v>
      </c>
      <c r="C658" t="s">
        <v>13</v>
      </c>
      <c r="D658" s="2">
        <v>277</v>
      </c>
      <c r="E658">
        <v>30</v>
      </c>
      <c r="F658" s="3">
        <v>43.2</v>
      </c>
      <c r="G658">
        <v>166.66666666666666</v>
      </c>
      <c r="H658" s="3">
        <v>3</v>
      </c>
      <c r="I658" s="3">
        <v>4</v>
      </c>
    </row>
    <row r="659" spans="1:9" x14ac:dyDescent="0.25">
      <c r="A659" s="1" t="s">
        <v>669</v>
      </c>
      <c r="B659" s="2">
        <v>3</v>
      </c>
      <c r="C659" t="s">
        <v>13</v>
      </c>
      <c r="D659" s="2">
        <v>240</v>
      </c>
      <c r="E659">
        <v>2.5</v>
      </c>
      <c r="F659" s="3">
        <v>0.6</v>
      </c>
      <c r="G659">
        <v>41.666666666666664</v>
      </c>
      <c r="H659" s="3">
        <v>1</v>
      </c>
      <c r="I659" s="3">
        <v>2</v>
      </c>
    </row>
    <row r="660" spans="1:9" x14ac:dyDescent="0.25">
      <c r="A660" s="1" t="s">
        <v>670</v>
      </c>
      <c r="B660" s="2">
        <v>5</v>
      </c>
      <c r="C660" t="s">
        <v>13</v>
      </c>
      <c r="D660" s="2">
        <v>120</v>
      </c>
      <c r="E660">
        <v>2.5</v>
      </c>
      <c r="F660" s="3">
        <v>0</v>
      </c>
      <c r="G660" t="s">
        <v>187</v>
      </c>
      <c r="H660" s="3">
        <v>3</v>
      </c>
      <c r="I660" s="3">
        <v>3</v>
      </c>
    </row>
    <row r="661" spans="1:9" x14ac:dyDescent="0.25">
      <c r="A661" s="1" t="s">
        <v>671</v>
      </c>
      <c r="B661" s="2">
        <v>8</v>
      </c>
      <c r="C661" t="s">
        <v>13</v>
      </c>
      <c r="D661" s="2">
        <v>240</v>
      </c>
      <c r="E661">
        <v>2.5</v>
      </c>
      <c r="F661" s="3">
        <v>0</v>
      </c>
      <c r="G661" t="s">
        <v>187</v>
      </c>
      <c r="H661" s="3">
        <v>3</v>
      </c>
      <c r="I661" s="3">
        <v>4</v>
      </c>
    </row>
    <row r="662" spans="1:9" x14ac:dyDescent="0.25">
      <c r="A662" s="1" t="s">
        <v>672</v>
      </c>
      <c r="B662" s="2">
        <v>2</v>
      </c>
      <c r="C662" t="s">
        <v>271</v>
      </c>
      <c r="D662" s="2">
        <v>240</v>
      </c>
      <c r="E662">
        <v>50</v>
      </c>
      <c r="F662" s="3">
        <v>14.4</v>
      </c>
      <c r="G662">
        <v>138.88888888888889</v>
      </c>
      <c r="H662" s="3">
        <v>1</v>
      </c>
      <c r="I662" s="3">
        <v>3</v>
      </c>
    </row>
    <row r="663" spans="1:9" x14ac:dyDescent="0.25">
      <c r="A663" s="1" t="s">
        <v>673</v>
      </c>
      <c r="B663" s="2">
        <v>9</v>
      </c>
      <c r="C663" t="s">
        <v>22</v>
      </c>
      <c r="D663" s="2">
        <v>240</v>
      </c>
      <c r="E663">
        <v>2.5</v>
      </c>
      <c r="F663" s="3">
        <v>1.8</v>
      </c>
      <c r="G663">
        <v>111.11111111111111</v>
      </c>
      <c r="H663" s="3">
        <v>3</v>
      </c>
      <c r="I663" s="3">
        <v>4</v>
      </c>
    </row>
    <row r="664" spans="1:9" x14ac:dyDescent="0.25">
      <c r="A664" s="1" t="s">
        <v>674</v>
      </c>
      <c r="B664" s="2">
        <v>8</v>
      </c>
      <c r="C664" t="s">
        <v>22</v>
      </c>
      <c r="D664" s="2">
        <v>120</v>
      </c>
      <c r="E664">
        <v>2.5</v>
      </c>
      <c r="F664" s="3">
        <v>2.4</v>
      </c>
      <c r="G664">
        <v>83.333333333333329</v>
      </c>
      <c r="H664" s="3">
        <v>3</v>
      </c>
      <c r="I664" s="3">
        <v>4</v>
      </c>
    </row>
    <row r="665" spans="1:9" x14ac:dyDescent="0.25">
      <c r="A665" s="1" t="s">
        <v>675</v>
      </c>
      <c r="B665" s="2">
        <v>8</v>
      </c>
      <c r="C665" t="s">
        <v>13</v>
      </c>
      <c r="D665" s="2">
        <v>120</v>
      </c>
      <c r="E665">
        <v>2.5</v>
      </c>
      <c r="F665" s="3">
        <v>2.4</v>
      </c>
      <c r="G665">
        <v>83.333333333333329</v>
      </c>
      <c r="H665" s="3">
        <v>3</v>
      </c>
      <c r="I665" s="3">
        <v>4</v>
      </c>
    </row>
    <row r="666" spans="1:9" x14ac:dyDescent="0.25">
      <c r="A666" s="1" t="s">
        <v>676</v>
      </c>
      <c r="B666" s="2">
        <v>35</v>
      </c>
      <c r="C666" t="s">
        <v>13</v>
      </c>
      <c r="D666" s="2">
        <v>0</v>
      </c>
      <c r="E666">
        <v>2.5</v>
      </c>
      <c r="F666" s="3">
        <v>0</v>
      </c>
      <c r="G666" t="s">
        <v>187</v>
      </c>
      <c r="H666" s="3">
        <v>3</v>
      </c>
      <c r="I666" s="3">
        <v>3</v>
      </c>
    </row>
    <row r="667" spans="1:9" x14ac:dyDescent="0.25">
      <c r="A667" s="1" t="s">
        <v>677</v>
      </c>
      <c r="B667" s="2">
        <v>36</v>
      </c>
      <c r="C667" t="s">
        <v>13</v>
      </c>
      <c r="D667" s="2">
        <v>0</v>
      </c>
      <c r="E667">
        <v>2.5</v>
      </c>
      <c r="F667" s="3">
        <v>0</v>
      </c>
      <c r="G667" t="s">
        <v>187</v>
      </c>
      <c r="H667" s="3">
        <v>3</v>
      </c>
      <c r="I667" s="3">
        <v>4</v>
      </c>
    </row>
    <row r="668" spans="1:9" x14ac:dyDescent="0.25">
      <c r="A668" s="1" t="s">
        <v>678</v>
      </c>
      <c r="B668" s="2">
        <v>2</v>
      </c>
      <c r="C668" t="s">
        <v>13</v>
      </c>
      <c r="D668" s="2">
        <v>240</v>
      </c>
      <c r="E668">
        <v>15</v>
      </c>
      <c r="F668" s="3">
        <v>3.6</v>
      </c>
      <c r="G668">
        <v>55.555555555555557</v>
      </c>
      <c r="H668" s="3">
        <v>1</v>
      </c>
      <c r="I668" s="3">
        <v>3</v>
      </c>
    </row>
    <row r="669" spans="1:9" x14ac:dyDescent="0.25">
      <c r="A669" s="1" t="s">
        <v>679</v>
      </c>
      <c r="B669" s="2">
        <v>28</v>
      </c>
      <c r="C669" t="s">
        <v>13</v>
      </c>
      <c r="D669" s="2">
        <v>240</v>
      </c>
      <c r="E669">
        <v>2.5</v>
      </c>
      <c r="F669" s="3">
        <v>2.4</v>
      </c>
      <c r="G669">
        <v>166.66666666666666</v>
      </c>
      <c r="H669" s="3">
        <v>3</v>
      </c>
      <c r="I669" s="3">
        <v>4</v>
      </c>
    </row>
    <row r="670" spans="1:9" x14ac:dyDescent="0.25">
      <c r="A670" s="1" t="s">
        <v>680</v>
      </c>
      <c r="B670" s="2">
        <v>5</v>
      </c>
      <c r="C670" t="s">
        <v>13</v>
      </c>
      <c r="D670" s="2">
        <v>240</v>
      </c>
      <c r="E670">
        <v>2.5</v>
      </c>
      <c r="F670" s="3">
        <v>1.2</v>
      </c>
      <c r="G670">
        <v>6.9444444444444446</v>
      </c>
      <c r="H670" s="3">
        <v>3</v>
      </c>
      <c r="I670" s="3">
        <v>3</v>
      </c>
    </row>
    <row r="671" spans="1:9" x14ac:dyDescent="0.25">
      <c r="A671" s="1" t="s">
        <v>681</v>
      </c>
      <c r="B671" s="2">
        <v>4</v>
      </c>
      <c r="C671" t="s">
        <v>13</v>
      </c>
      <c r="D671" s="2">
        <v>240</v>
      </c>
      <c r="E671">
        <v>2.5</v>
      </c>
      <c r="F671" s="3">
        <v>0.6</v>
      </c>
      <c r="G671">
        <v>277.77777777777777</v>
      </c>
      <c r="H671" s="3">
        <v>1</v>
      </c>
      <c r="I671" s="3">
        <v>3</v>
      </c>
    </row>
    <row r="672" spans="1:9" x14ac:dyDescent="0.25">
      <c r="A672" s="1" t="s">
        <v>682</v>
      </c>
      <c r="B672" s="2">
        <v>5</v>
      </c>
      <c r="C672" t="s">
        <v>22</v>
      </c>
      <c r="D672" s="2">
        <v>240</v>
      </c>
      <c r="E672">
        <v>2.5</v>
      </c>
      <c r="F672" s="3">
        <v>2.4</v>
      </c>
      <c r="G672">
        <v>83.333333333333329</v>
      </c>
      <c r="H672" s="3">
        <v>2</v>
      </c>
      <c r="I672" s="3">
        <v>4</v>
      </c>
    </row>
    <row r="673" spans="1:9" x14ac:dyDescent="0.25">
      <c r="A673" s="1" t="s">
        <v>683</v>
      </c>
      <c r="B673" s="2">
        <v>5</v>
      </c>
      <c r="C673" t="s">
        <v>22</v>
      </c>
      <c r="D673" s="2">
        <v>480</v>
      </c>
      <c r="E673">
        <v>2.5</v>
      </c>
      <c r="F673" s="3">
        <v>4.8</v>
      </c>
      <c r="G673">
        <v>41.666666666666664</v>
      </c>
      <c r="H673" s="3">
        <v>2</v>
      </c>
      <c r="I673" s="3">
        <v>4</v>
      </c>
    </row>
    <row r="674" spans="1:9" x14ac:dyDescent="0.25">
      <c r="A674" s="1" t="s">
        <v>684</v>
      </c>
      <c r="B674" s="2">
        <v>26</v>
      </c>
      <c r="C674" t="s">
        <v>13</v>
      </c>
      <c r="D674" s="2">
        <v>120</v>
      </c>
      <c r="E674">
        <v>5</v>
      </c>
      <c r="F674" s="3">
        <v>2.4</v>
      </c>
      <c r="G674" t="s">
        <v>187</v>
      </c>
      <c r="H674" s="3">
        <v>3</v>
      </c>
      <c r="I674" s="3">
        <v>3</v>
      </c>
    </row>
    <row r="675" spans="1:9" x14ac:dyDescent="0.25">
      <c r="A675" s="1" t="s">
        <v>685</v>
      </c>
      <c r="B675" s="2">
        <v>26</v>
      </c>
      <c r="C675" t="s">
        <v>13</v>
      </c>
      <c r="D675" s="2">
        <v>240</v>
      </c>
      <c r="E675">
        <v>2.5</v>
      </c>
      <c r="F675" s="3">
        <v>2.4</v>
      </c>
      <c r="G675" t="s">
        <v>187</v>
      </c>
      <c r="H675" s="3">
        <v>3</v>
      </c>
      <c r="I675" s="3">
        <v>3</v>
      </c>
    </row>
    <row r="676" spans="1:9" x14ac:dyDescent="0.25">
      <c r="A676" s="1" t="s">
        <v>686</v>
      </c>
      <c r="B676" s="2">
        <v>26</v>
      </c>
      <c r="C676" t="s">
        <v>13</v>
      </c>
      <c r="D676" s="2">
        <v>240</v>
      </c>
      <c r="E676">
        <v>5</v>
      </c>
      <c r="F676" s="3">
        <v>4.8</v>
      </c>
      <c r="G676" t="s">
        <v>187</v>
      </c>
      <c r="H676" s="3">
        <v>3</v>
      </c>
      <c r="I676" s="3">
        <v>3</v>
      </c>
    </row>
    <row r="677" spans="1:9" x14ac:dyDescent="0.25">
      <c r="A677" s="1" t="s">
        <v>687</v>
      </c>
      <c r="B677" s="2">
        <v>26</v>
      </c>
      <c r="C677" t="s">
        <v>13</v>
      </c>
      <c r="D677" s="2">
        <v>480</v>
      </c>
      <c r="E677">
        <v>2.5</v>
      </c>
      <c r="F677" s="3">
        <v>4.8</v>
      </c>
      <c r="G677" t="s">
        <v>187</v>
      </c>
      <c r="H677" s="3">
        <v>3</v>
      </c>
      <c r="I677" s="3">
        <v>3</v>
      </c>
    </row>
    <row r="678" spans="1:9" x14ac:dyDescent="0.25">
      <c r="A678" s="1" t="s">
        <v>688</v>
      </c>
      <c r="B678" s="2">
        <v>26</v>
      </c>
      <c r="C678" t="s">
        <v>13</v>
      </c>
      <c r="D678" s="2">
        <v>480</v>
      </c>
      <c r="E678">
        <v>5</v>
      </c>
      <c r="F678" s="3">
        <v>9.6</v>
      </c>
      <c r="G678" t="s">
        <v>187</v>
      </c>
      <c r="H678" s="3">
        <v>3</v>
      </c>
      <c r="I678" s="3">
        <v>3</v>
      </c>
    </row>
    <row r="679" spans="1:9" x14ac:dyDescent="0.25">
      <c r="A679" s="1" t="s">
        <v>689</v>
      </c>
      <c r="B679" s="2">
        <v>29</v>
      </c>
      <c r="C679" t="s">
        <v>13</v>
      </c>
      <c r="D679" s="2">
        <v>120</v>
      </c>
      <c r="E679">
        <v>2.5</v>
      </c>
      <c r="F679" s="3">
        <v>1.8</v>
      </c>
      <c r="G679" t="s">
        <v>187</v>
      </c>
      <c r="H679" s="3">
        <v>3</v>
      </c>
      <c r="I679" s="3">
        <v>4</v>
      </c>
    </row>
    <row r="680" spans="1:9" x14ac:dyDescent="0.25">
      <c r="A680" s="1" t="s">
        <v>690</v>
      </c>
      <c r="B680" s="2">
        <v>29</v>
      </c>
      <c r="C680" t="s">
        <v>13</v>
      </c>
      <c r="D680" s="2">
        <v>120</v>
      </c>
      <c r="E680">
        <v>5</v>
      </c>
      <c r="F680" s="3">
        <v>3.6</v>
      </c>
      <c r="G680" t="s">
        <v>187</v>
      </c>
      <c r="H680" s="3">
        <v>3</v>
      </c>
      <c r="I680" s="3">
        <v>4</v>
      </c>
    </row>
    <row r="681" spans="1:9" x14ac:dyDescent="0.25">
      <c r="A681" s="1" t="s">
        <v>691</v>
      </c>
      <c r="B681" s="2">
        <v>29</v>
      </c>
      <c r="C681" t="s">
        <v>13</v>
      </c>
      <c r="D681" s="2">
        <v>277</v>
      </c>
      <c r="E681">
        <v>2.5</v>
      </c>
      <c r="F681" s="3">
        <v>3.6</v>
      </c>
      <c r="G681" t="s">
        <v>187</v>
      </c>
      <c r="H681" s="3">
        <v>3</v>
      </c>
      <c r="I681" s="3">
        <v>4</v>
      </c>
    </row>
    <row r="682" spans="1:9" x14ac:dyDescent="0.25">
      <c r="A682" s="1" t="s">
        <v>692</v>
      </c>
      <c r="B682" s="2">
        <v>29</v>
      </c>
      <c r="C682" t="s">
        <v>13</v>
      </c>
      <c r="D682" s="2">
        <v>277</v>
      </c>
      <c r="E682">
        <v>5</v>
      </c>
      <c r="F682" s="3">
        <v>7.2</v>
      </c>
      <c r="G682" t="s">
        <v>187</v>
      </c>
      <c r="H682" s="3">
        <v>3</v>
      </c>
      <c r="I682" s="3">
        <v>4</v>
      </c>
    </row>
    <row r="683" spans="1:9" x14ac:dyDescent="0.25">
      <c r="A683" s="1" t="s">
        <v>693</v>
      </c>
      <c r="B683" s="2">
        <v>12</v>
      </c>
      <c r="C683" t="s">
        <v>13</v>
      </c>
      <c r="D683" s="2">
        <v>120</v>
      </c>
      <c r="E683">
        <v>30</v>
      </c>
      <c r="F683" s="3">
        <v>14.4</v>
      </c>
      <c r="G683" t="s">
        <v>187</v>
      </c>
      <c r="H683" s="3">
        <v>2</v>
      </c>
      <c r="I683" s="3">
        <v>3</v>
      </c>
    </row>
    <row r="684" spans="1:9" x14ac:dyDescent="0.25">
      <c r="A684" s="1" t="s">
        <v>694</v>
      </c>
      <c r="B684" s="2">
        <v>3</v>
      </c>
      <c r="C684" t="s">
        <v>13</v>
      </c>
      <c r="D684" s="2">
        <v>240</v>
      </c>
      <c r="E684">
        <v>2.5</v>
      </c>
      <c r="F684" s="3">
        <v>0.6</v>
      </c>
      <c r="G684">
        <v>83.333333333333329</v>
      </c>
      <c r="H684" s="3">
        <v>1</v>
      </c>
      <c r="I684" s="3">
        <v>2</v>
      </c>
    </row>
    <row r="685" spans="1:9" x14ac:dyDescent="0.25">
      <c r="A685" s="1" t="s">
        <v>695</v>
      </c>
      <c r="B685" s="2">
        <v>14</v>
      </c>
      <c r="C685" t="s">
        <v>13</v>
      </c>
      <c r="D685" s="2">
        <v>277</v>
      </c>
      <c r="E685">
        <v>50</v>
      </c>
      <c r="F685" s="3">
        <v>36</v>
      </c>
      <c r="G685">
        <v>166.66666666666666</v>
      </c>
      <c r="H685" s="3">
        <v>3</v>
      </c>
      <c r="I685" s="3">
        <v>4</v>
      </c>
    </row>
    <row r="686" spans="1:9" x14ac:dyDescent="0.25">
      <c r="A686" s="1" t="s">
        <v>696</v>
      </c>
      <c r="B686" s="2">
        <v>16</v>
      </c>
      <c r="C686" t="s">
        <v>22</v>
      </c>
      <c r="D686" s="2">
        <v>277</v>
      </c>
      <c r="E686">
        <v>50</v>
      </c>
      <c r="F686" s="3">
        <v>36</v>
      </c>
      <c r="G686">
        <v>2.7777777777777777</v>
      </c>
      <c r="H686" s="3">
        <v>3</v>
      </c>
      <c r="I686" s="3">
        <v>4</v>
      </c>
    </row>
    <row r="687" spans="1:9" x14ac:dyDescent="0.25">
      <c r="A687" s="1" t="s">
        <v>697</v>
      </c>
      <c r="B687" s="2">
        <v>16</v>
      </c>
      <c r="C687" t="s">
        <v>22</v>
      </c>
      <c r="D687" s="2">
        <v>277</v>
      </c>
      <c r="E687">
        <v>50</v>
      </c>
      <c r="F687" s="3">
        <v>36</v>
      </c>
      <c r="G687">
        <v>166.66666666666666</v>
      </c>
      <c r="H687" s="3">
        <v>3</v>
      </c>
      <c r="I687" s="3">
        <v>4</v>
      </c>
    </row>
    <row r="688" spans="1:9" x14ac:dyDescent="0.25">
      <c r="A688" s="1" t="s">
        <v>698</v>
      </c>
      <c r="B688" s="2">
        <v>15</v>
      </c>
      <c r="C688" t="s">
        <v>13</v>
      </c>
      <c r="D688" s="2">
        <v>240</v>
      </c>
      <c r="E688">
        <v>30</v>
      </c>
      <c r="F688" s="3">
        <v>28.8</v>
      </c>
      <c r="G688" t="s">
        <v>187</v>
      </c>
      <c r="H688" s="3">
        <v>3</v>
      </c>
      <c r="I688" s="3">
        <v>4</v>
      </c>
    </row>
    <row r="689" spans="1:9" x14ac:dyDescent="0.25">
      <c r="A689" s="1" t="s">
        <v>699</v>
      </c>
      <c r="B689" s="2">
        <v>5</v>
      </c>
      <c r="C689" t="s">
        <v>22</v>
      </c>
      <c r="D689" s="2">
        <v>120</v>
      </c>
      <c r="E689">
        <v>2.5</v>
      </c>
      <c r="F689" s="3">
        <v>1.2</v>
      </c>
      <c r="G689">
        <v>83.333333333333329</v>
      </c>
      <c r="H689" s="3">
        <v>3</v>
      </c>
      <c r="I689" s="3">
        <v>3</v>
      </c>
    </row>
    <row r="690" spans="1:9" x14ac:dyDescent="0.25">
      <c r="A690" s="1" t="s">
        <v>700</v>
      </c>
      <c r="B690" s="2">
        <v>5</v>
      </c>
      <c r="C690" t="s">
        <v>22</v>
      </c>
      <c r="D690" s="2">
        <v>240</v>
      </c>
      <c r="E690">
        <v>2.5</v>
      </c>
      <c r="F690" s="3">
        <v>2.4</v>
      </c>
      <c r="G690">
        <v>41.666666666666664</v>
      </c>
      <c r="H690" s="3">
        <v>3</v>
      </c>
      <c r="I690" s="3">
        <v>3</v>
      </c>
    </row>
    <row r="691" spans="1:9" x14ac:dyDescent="0.25">
      <c r="A691" s="1" t="s">
        <v>701</v>
      </c>
      <c r="B691" s="2">
        <v>13</v>
      </c>
      <c r="C691" t="s">
        <v>22</v>
      </c>
      <c r="D691" s="2">
        <v>240</v>
      </c>
      <c r="E691">
        <v>15</v>
      </c>
      <c r="F691" s="3">
        <v>14.4</v>
      </c>
      <c r="G691">
        <v>13.888888888888889</v>
      </c>
      <c r="H691" s="3">
        <v>3</v>
      </c>
      <c r="I691" s="3">
        <v>3</v>
      </c>
    </row>
    <row r="692" spans="1:9" x14ac:dyDescent="0.25">
      <c r="A692" s="1" t="s">
        <v>702</v>
      </c>
      <c r="B692" s="2">
        <v>13</v>
      </c>
      <c r="C692" t="s">
        <v>22</v>
      </c>
      <c r="D692" s="2">
        <v>240</v>
      </c>
      <c r="E692">
        <v>15</v>
      </c>
      <c r="F692" s="3">
        <v>14.4</v>
      </c>
      <c r="G692">
        <v>6.9444444444444446</v>
      </c>
      <c r="H692" s="3">
        <v>3</v>
      </c>
      <c r="I692" s="3">
        <v>3</v>
      </c>
    </row>
    <row r="693" spans="1:9" x14ac:dyDescent="0.25">
      <c r="A693" s="1" t="s">
        <v>703</v>
      </c>
      <c r="B693" s="2">
        <v>13</v>
      </c>
      <c r="C693" t="s">
        <v>22</v>
      </c>
      <c r="D693" s="2">
        <v>480</v>
      </c>
      <c r="E693">
        <v>15</v>
      </c>
      <c r="F693" s="3">
        <v>28.8</v>
      </c>
      <c r="G693">
        <v>3.4722222222222223</v>
      </c>
      <c r="H693" s="3">
        <v>3</v>
      </c>
      <c r="I693" s="3">
        <v>3</v>
      </c>
    </row>
    <row r="694" spans="1:9" x14ac:dyDescent="0.25">
      <c r="A694" s="1" t="s">
        <v>704</v>
      </c>
      <c r="B694" s="2">
        <v>9</v>
      </c>
      <c r="C694" t="s">
        <v>22</v>
      </c>
      <c r="D694" s="2">
        <v>240</v>
      </c>
      <c r="E694">
        <v>2.5</v>
      </c>
      <c r="F694" s="3">
        <v>0.3</v>
      </c>
      <c r="G694" t="s">
        <v>187</v>
      </c>
      <c r="H694" s="3">
        <v>3</v>
      </c>
      <c r="I694" s="3">
        <v>4</v>
      </c>
    </row>
    <row r="695" spans="1:9" x14ac:dyDescent="0.25">
      <c r="A695" s="1" t="s">
        <v>705</v>
      </c>
      <c r="B695" s="2">
        <v>2</v>
      </c>
      <c r="C695" t="s">
        <v>271</v>
      </c>
      <c r="D695" s="2">
        <v>240</v>
      </c>
      <c r="E695">
        <v>30</v>
      </c>
      <c r="F695" s="3">
        <v>14.4</v>
      </c>
      <c r="G695" t="s">
        <v>187</v>
      </c>
      <c r="H695" s="3">
        <v>1</v>
      </c>
      <c r="I695" s="3">
        <v>3</v>
      </c>
    </row>
    <row r="696" spans="1:9" x14ac:dyDescent="0.25">
      <c r="A696" s="1" t="s">
        <v>706</v>
      </c>
      <c r="B696" s="2">
        <v>16</v>
      </c>
      <c r="C696" t="s">
        <v>271</v>
      </c>
      <c r="D696" s="2">
        <v>240</v>
      </c>
      <c r="E696">
        <v>50</v>
      </c>
      <c r="F696" s="3">
        <v>86.4</v>
      </c>
      <c r="G696" t="s">
        <v>187</v>
      </c>
      <c r="H696" s="3">
        <v>3</v>
      </c>
      <c r="I696" s="3">
        <v>4</v>
      </c>
    </row>
    <row r="697" spans="1:9" x14ac:dyDescent="0.25">
      <c r="A697" s="1" t="s">
        <v>707</v>
      </c>
      <c r="B697" s="2">
        <v>14</v>
      </c>
      <c r="C697" t="s">
        <v>13</v>
      </c>
      <c r="D697" s="2">
        <v>120</v>
      </c>
      <c r="E697">
        <v>15</v>
      </c>
      <c r="F697" s="3">
        <v>10.8</v>
      </c>
      <c r="G697">
        <v>9.2592592592592595</v>
      </c>
      <c r="H697" s="3">
        <v>3</v>
      </c>
      <c r="I697" s="3">
        <v>4</v>
      </c>
    </row>
    <row r="698" spans="1:9" x14ac:dyDescent="0.25">
      <c r="A698" s="1" t="s">
        <v>708</v>
      </c>
      <c r="B698" s="2">
        <v>14</v>
      </c>
      <c r="C698" t="s">
        <v>22</v>
      </c>
      <c r="D698" s="2">
        <v>120</v>
      </c>
      <c r="E698">
        <v>15</v>
      </c>
      <c r="F698" s="3">
        <v>10.8</v>
      </c>
      <c r="G698">
        <v>9.2592592592592595</v>
      </c>
      <c r="H698" s="3">
        <v>3</v>
      </c>
      <c r="I698" s="3">
        <v>4</v>
      </c>
    </row>
    <row r="699" spans="1:9" x14ac:dyDescent="0.25">
      <c r="A699" s="1" t="s">
        <v>709</v>
      </c>
      <c r="B699" s="2">
        <v>1</v>
      </c>
      <c r="C699" t="s">
        <v>13</v>
      </c>
      <c r="D699" s="2">
        <v>240</v>
      </c>
      <c r="E699">
        <v>30</v>
      </c>
      <c r="F699" s="3">
        <v>7.2</v>
      </c>
      <c r="G699" t="s">
        <v>187</v>
      </c>
      <c r="H699" s="3">
        <v>1</v>
      </c>
      <c r="I699" s="3">
        <v>2</v>
      </c>
    </row>
    <row r="700" spans="1:9" x14ac:dyDescent="0.25">
      <c r="A700" s="1" t="s">
        <v>710</v>
      </c>
      <c r="B700" s="2">
        <v>5</v>
      </c>
      <c r="C700" t="s">
        <v>13</v>
      </c>
      <c r="D700" s="2">
        <v>120</v>
      </c>
      <c r="E700">
        <v>2.5</v>
      </c>
      <c r="F700" s="3">
        <v>1.7999999999999999E-2</v>
      </c>
      <c r="G700" t="s">
        <v>187</v>
      </c>
      <c r="H700" s="3">
        <v>3</v>
      </c>
      <c r="I700" s="3">
        <v>3</v>
      </c>
    </row>
    <row r="701" spans="1:9" x14ac:dyDescent="0.25">
      <c r="A701" s="1" t="s">
        <v>711</v>
      </c>
      <c r="B701" s="2">
        <v>6</v>
      </c>
      <c r="C701" t="s">
        <v>13</v>
      </c>
      <c r="D701" s="2">
        <v>120</v>
      </c>
      <c r="E701">
        <v>2.5</v>
      </c>
      <c r="F701" s="3">
        <v>2.7E-2</v>
      </c>
      <c r="G701" t="s">
        <v>187</v>
      </c>
      <c r="H701" s="3">
        <v>3</v>
      </c>
      <c r="I701" s="3">
        <v>4</v>
      </c>
    </row>
    <row r="702" spans="1:9" x14ac:dyDescent="0.25">
      <c r="A702" s="1" t="s">
        <v>712</v>
      </c>
      <c r="B702" s="2">
        <v>12</v>
      </c>
      <c r="C702" t="s">
        <v>13</v>
      </c>
      <c r="D702" s="2">
        <v>120</v>
      </c>
      <c r="E702">
        <v>45</v>
      </c>
      <c r="F702" s="3">
        <v>3</v>
      </c>
      <c r="G702" t="s">
        <v>187</v>
      </c>
      <c r="H702" s="3">
        <v>3</v>
      </c>
      <c r="I702" s="3">
        <v>3</v>
      </c>
    </row>
    <row r="703" spans="1:9" x14ac:dyDescent="0.25">
      <c r="A703" s="1" t="s">
        <v>713</v>
      </c>
      <c r="B703" s="2">
        <v>16</v>
      </c>
      <c r="C703" t="s">
        <v>13</v>
      </c>
      <c r="D703" s="2">
        <v>120</v>
      </c>
      <c r="E703">
        <v>45</v>
      </c>
      <c r="F703" s="3">
        <v>4.5</v>
      </c>
      <c r="G703" t="s">
        <v>187</v>
      </c>
      <c r="H703" s="3">
        <v>3</v>
      </c>
      <c r="I703" s="3">
        <v>4</v>
      </c>
    </row>
    <row r="704" spans="1:9" x14ac:dyDescent="0.25">
      <c r="A704" s="1" t="s">
        <v>714</v>
      </c>
      <c r="B704" s="2">
        <v>6</v>
      </c>
      <c r="C704" t="s">
        <v>13</v>
      </c>
      <c r="D704" s="2">
        <v>120</v>
      </c>
      <c r="E704">
        <v>2.5</v>
      </c>
      <c r="F704" s="3">
        <v>2.4</v>
      </c>
      <c r="G704">
        <v>125</v>
      </c>
      <c r="H704" s="3">
        <v>3</v>
      </c>
      <c r="I704" s="3">
        <v>4</v>
      </c>
    </row>
    <row r="705" spans="1:9" x14ac:dyDescent="0.25">
      <c r="A705" s="1" t="s">
        <v>715</v>
      </c>
      <c r="B705" s="2">
        <v>6</v>
      </c>
      <c r="C705" t="s">
        <v>22</v>
      </c>
      <c r="D705" s="2">
        <v>120</v>
      </c>
      <c r="E705">
        <v>2.5</v>
      </c>
      <c r="F705" s="3">
        <v>0.9</v>
      </c>
      <c r="G705">
        <v>166.66666666666666</v>
      </c>
      <c r="H705" s="3">
        <v>3</v>
      </c>
      <c r="I705" s="3">
        <v>4</v>
      </c>
    </row>
    <row r="706" spans="1:9" x14ac:dyDescent="0.25">
      <c r="A706" s="1" t="s">
        <v>716</v>
      </c>
      <c r="B706" s="2">
        <v>6</v>
      </c>
      <c r="C706" t="s">
        <v>22</v>
      </c>
      <c r="D706" s="2">
        <v>120</v>
      </c>
      <c r="E706">
        <v>2.5</v>
      </c>
      <c r="F706" s="3">
        <v>1.8</v>
      </c>
      <c r="G706">
        <v>166.66666666666666</v>
      </c>
      <c r="H706" s="3">
        <v>3</v>
      </c>
      <c r="I706" s="3">
        <v>4</v>
      </c>
    </row>
    <row r="707" spans="1:9" x14ac:dyDescent="0.25">
      <c r="A707" s="1" t="s">
        <v>717</v>
      </c>
      <c r="B707" s="2">
        <v>6</v>
      </c>
      <c r="C707" t="s">
        <v>13</v>
      </c>
      <c r="D707" s="2">
        <v>120</v>
      </c>
      <c r="E707">
        <v>2.5</v>
      </c>
      <c r="F707" s="3">
        <v>1.8</v>
      </c>
      <c r="G707">
        <v>83.333333333333329</v>
      </c>
      <c r="H707" s="3">
        <v>3</v>
      </c>
      <c r="I707" s="3">
        <v>4</v>
      </c>
    </row>
    <row r="708" spans="1:9" x14ac:dyDescent="0.25">
      <c r="A708" s="1" t="s">
        <v>718</v>
      </c>
      <c r="B708" s="2">
        <v>6</v>
      </c>
      <c r="C708" t="s">
        <v>13</v>
      </c>
      <c r="D708" s="2">
        <v>120</v>
      </c>
      <c r="E708">
        <v>2.5</v>
      </c>
      <c r="F708" s="3">
        <v>0.9</v>
      </c>
      <c r="G708">
        <v>11.111111111111111</v>
      </c>
      <c r="H708" s="3">
        <v>3</v>
      </c>
      <c r="I708" s="3">
        <v>4</v>
      </c>
    </row>
    <row r="709" spans="1:9" x14ac:dyDescent="0.25">
      <c r="A709" s="1" t="s">
        <v>719</v>
      </c>
      <c r="B709" s="2">
        <v>6</v>
      </c>
      <c r="C709" t="s">
        <v>13</v>
      </c>
      <c r="D709" s="2">
        <v>277</v>
      </c>
      <c r="E709">
        <v>2.5</v>
      </c>
      <c r="F709" s="3">
        <v>3.6</v>
      </c>
      <c r="G709">
        <v>27.777777777777779</v>
      </c>
      <c r="H709" s="3">
        <v>3</v>
      </c>
      <c r="I709" s="3">
        <v>4</v>
      </c>
    </row>
    <row r="710" spans="1:9" x14ac:dyDescent="0.25">
      <c r="A710" s="1" t="s">
        <v>720</v>
      </c>
      <c r="B710" s="2">
        <v>5</v>
      </c>
      <c r="C710" t="s">
        <v>13</v>
      </c>
      <c r="D710" s="2">
        <v>240</v>
      </c>
      <c r="E710">
        <v>2.5</v>
      </c>
      <c r="F710" s="3">
        <v>2.4</v>
      </c>
      <c r="G710">
        <v>41.666666666666664</v>
      </c>
      <c r="H710" s="3">
        <v>3</v>
      </c>
      <c r="I710" s="3">
        <v>3</v>
      </c>
    </row>
    <row r="711" spans="1:9" x14ac:dyDescent="0.25">
      <c r="A711" s="1" t="s">
        <v>721</v>
      </c>
      <c r="B711" s="2">
        <v>5</v>
      </c>
      <c r="C711" t="s">
        <v>13</v>
      </c>
      <c r="D711" s="2">
        <v>277</v>
      </c>
      <c r="E711">
        <v>2.5</v>
      </c>
      <c r="F711" s="3">
        <v>2.4</v>
      </c>
      <c r="G711">
        <v>83.333333333333329</v>
      </c>
      <c r="H711" s="3">
        <v>3</v>
      </c>
      <c r="I711" s="3">
        <v>3</v>
      </c>
    </row>
    <row r="712" spans="1:9" x14ac:dyDescent="0.25">
      <c r="A712" s="1" t="s">
        <v>722</v>
      </c>
      <c r="B712" s="2">
        <v>5</v>
      </c>
      <c r="C712" t="s">
        <v>13</v>
      </c>
      <c r="D712" s="2">
        <v>240</v>
      </c>
      <c r="E712">
        <v>2.5</v>
      </c>
      <c r="F712" s="3">
        <v>2.4</v>
      </c>
      <c r="G712">
        <v>50</v>
      </c>
      <c r="H712" s="3">
        <v>3</v>
      </c>
      <c r="I712" s="3">
        <v>3</v>
      </c>
    </row>
    <row r="713" spans="1:9" x14ac:dyDescent="0.25">
      <c r="A713" s="1" t="s">
        <v>723</v>
      </c>
      <c r="B713" s="2">
        <v>5</v>
      </c>
      <c r="C713" t="s">
        <v>13</v>
      </c>
      <c r="D713" s="2">
        <v>240</v>
      </c>
      <c r="E713">
        <v>2.5</v>
      </c>
      <c r="F713" s="3">
        <v>2.4</v>
      </c>
      <c r="G713">
        <v>166.66666666666666</v>
      </c>
      <c r="H713" s="3">
        <v>3</v>
      </c>
      <c r="I713" s="3">
        <v>3</v>
      </c>
    </row>
    <row r="714" spans="1:9" x14ac:dyDescent="0.25">
      <c r="A714" s="1" t="s">
        <v>724</v>
      </c>
      <c r="B714" s="2">
        <v>5</v>
      </c>
      <c r="C714" t="s">
        <v>13</v>
      </c>
      <c r="D714" s="2">
        <v>240</v>
      </c>
      <c r="E714">
        <v>2.5</v>
      </c>
      <c r="F714" s="3">
        <v>3.6</v>
      </c>
      <c r="G714">
        <v>111.11111111111111</v>
      </c>
      <c r="H714" s="3">
        <v>3</v>
      </c>
      <c r="I714" s="3">
        <v>3</v>
      </c>
    </row>
    <row r="715" spans="1:9" x14ac:dyDescent="0.25">
      <c r="A715" s="1" t="s">
        <v>725</v>
      </c>
      <c r="B715" s="2">
        <v>5</v>
      </c>
      <c r="C715" t="s">
        <v>13</v>
      </c>
      <c r="D715" s="2">
        <v>480</v>
      </c>
      <c r="E715">
        <v>2.5</v>
      </c>
      <c r="F715" s="3">
        <v>4.8</v>
      </c>
      <c r="G715">
        <v>20.833333333333332</v>
      </c>
      <c r="H715" s="3">
        <v>3</v>
      </c>
      <c r="I715" s="3">
        <v>3</v>
      </c>
    </row>
    <row r="716" spans="1:9" x14ac:dyDescent="0.25">
      <c r="A716" s="1" t="s">
        <v>726</v>
      </c>
      <c r="B716" s="2">
        <v>5</v>
      </c>
      <c r="C716" t="s">
        <v>22</v>
      </c>
      <c r="D716" s="2">
        <v>240</v>
      </c>
      <c r="E716">
        <v>2.5</v>
      </c>
      <c r="F716" s="3">
        <v>2.4</v>
      </c>
      <c r="G716">
        <v>166.66666666666666</v>
      </c>
      <c r="H716" s="3">
        <v>3</v>
      </c>
      <c r="I716" s="3">
        <v>3</v>
      </c>
    </row>
    <row r="717" spans="1:9" x14ac:dyDescent="0.25">
      <c r="A717" s="1" t="s">
        <v>727</v>
      </c>
      <c r="B717" s="2">
        <v>13</v>
      </c>
      <c r="C717" t="s">
        <v>22</v>
      </c>
      <c r="D717" s="2">
        <v>480</v>
      </c>
      <c r="E717">
        <v>15</v>
      </c>
      <c r="F717" s="3">
        <v>28.8</v>
      </c>
      <c r="G717">
        <v>6.9444444444444446</v>
      </c>
      <c r="H717" s="3">
        <v>3</v>
      </c>
      <c r="I717" s="3">
        <v>3</v>
      </c>
    </row>
    <row r="718" spans="1:9" x14ac:dyDescent="0.25">
      <c r="A718" s="1" t="s">
        <v>728</v>
      </c>
      <c r="B718" s="2">
        <v>8</v>
      </c>
      <c r="C718" t="s">
        <v>13</v>
      </c>
      <c r="D718" s="2">
        <v>240</v>
      </c>
      <c r="E718">
        <v>2.5</v>
      </c>
      <c r="F718" s="3">
        <v>1.2</v>
      </c>
      <c r="G718">
        <v>166.66666666666666</v>
      </c>
      <c r="H718" s="3">
        <v>3</v>
      </c>
      <c r="I718" s="3">
        <v>4</v>
      </c>
    </row>
    <row r="719" spans="1:9" x14ac:dyDescent="0.25">
      <c r="A719" s="1" t="s">
        <v>729</v>
      </c>
      <c r="B719" s="2">
        <v>8</v>
      </c>
      <c r="C719" t="s">
        <v>13</v>
      </c>
      <c r="D719" s="2">
        <v>240</v>
      </c>
      <c r="E719">
        <v>2.5</v>
      </c>
      <c r="F719" s="3">
        <v>2.4</v>
      </c>
      <c r="G719">
        <v>166.66666666666666</v>
      </c>
      <c r="H719" s="3">
        <v>3</v>
      </c>
      <c r="I719" s="3">
        <v>4</v>
      </c>
    </row>
    <row r="720" spans="1:9" x14ac:dyDescent="0.25">
      <c r="A720" s="1" t="s">
        <v>730</v>
      </c>
      <c r="B720" s="2">
        <v>16</v>
      </c>
      <c r="C720" t="s">
        <v>13</v>
      </c>
      <c r="D720" s="2">
        <v>277</v>
      </c>
      <c r="E720">
        <v>50</v>
      </c>
      <c r="F720" s="3">
        <v>86.4</v>
      </c>
      <c r="G720">
        <v>15.432098765432098</v>
      </c>
      <c r="H720" s="3">
        <v>3</v>
      </c>
      <c r="I720" s="3">
        <v>4</v>
      </c>
    </row>
    <row r="721" spans="1:10" x14ac:dyDescent="0.25">
      <c r="A721" s="1" t="s">
        <v>731</v>
      </c>
      <c r="B721" s="2">
        <v>6</v>
      </c>
      <c r="C721" t="s">
        <v>13</v>
      </c>
      <c r="D721" s="2">
        <v>277</v>
      </c>
      <c r="E721">
        <v>2.5</v>
      </c>
      <c r="F721" s="3">
        <v>1.8</v>
      </c>
      <c r="G721">
        <v>166.66666666666666</v>
      </c>
      <c r="H721" s="3">
        <v>3</v>
      </c>
      <c r="I721" s="3">
        <v>4</v>
      </c>
    </row>
    <row r="722" spans="1:10" x14ac:dyDescent="0.25">
      <c r="A722" s="1" t="s">
        <v>732</v>
      </c>
      <c r="B722" s="2">
        <v>6</v>
      </c>
      <c r="C722" t="s">
        <v>13</v>
      </c>
      <c r="D722" s="2">
        <v>277</v>
      </c>
      <c r="E722">
        <v>2.5</v>
      </c>
      <c r="F722" s="3">
        <v>3.6</v>
      </c>
      <c r="G722">
        <v>166.66666666666666</v>
      </c>
      <c r="H722" s="3">
        <v>3</v>
      </c>
      <c r="I722" s="3">
        <v>4</v>
      </c>
    </row>
    <row r="723" spans="1:10" x14ac:dyDescent="0.25">
      <c r="A723" s="1" t="s">
        <v>733</v>
      </c>
      <c r="B723" s="2">
        <v>6</v>
      </c>
      <c r="C723" t="s">
        <v>13</v>
      </c>
      <c r="D723" s="2">
        <v>277</v>
      </c>
      <c r="E723">
        <v>2.5</v>
      </c>
      <c r="F723" s="3">
        <v>4.8</v>
      </c>
      <c r="G723">
        <v>125</v>
      </c>
      <c r="H723" s="3">
        <v>3</v>
      </c>
      <c r="I723" s="3">
        <v>4</v>
      </c>
    </row>
    <row r="724" spans="1:10" x14ac:dyDescent="0.25">
      <c r="A724" s="1" t="s">
        <v>734</v>
      </c>
      <c r="B724" s="2">
        <v>6</v>
      </c>
      <c r="C724" t="s">
        <v>22</v>
      </c>
      <c r="D724" s="2">
        <v>277</v>
      </c>
      <c r="E724">
        <v>2.5</v>
      </c>
      <c r="F724" s="3">
        <v>1.8</v>
      </c>
      <c r="G724">
        <v>166.66666666666666</v>
      </c>
      <c r="H724" s="3">
        <v>3</v>
      </c>
      <c r="I724" s="3">
        <v>4</v>
      </c>
    </row>
    <row r="725" spans="1:10" x14ac:dyDescent="0.25">
      <c r="A725" s="1" t="s">
        <v>735</v>
      </c>
      <c r="B725" s="2">
        <v>6</v>
      </c>
      <c r="C725" t="s">
        <v>22</v>
      </c>
      <c r="D725" s="2">
        <v>277</v>
      </c>
      <c r="E725">
        <v>2.5</v>
      </c>
      <c r="F725" s="3">
        <v>3.6</v>
      </c>
      <c r="G725">
        <v>166.66666666666666</v>
      </c>
      <c r="H725" s="3">
        <v>3</v>
      </c>
      <c r="I725" s="3">
        <v>4</v>
      </c>
    </row>
    <row r="726" spans="1:10" x14ac:dyDescent="0.25">
      <c r="A726" s="1" t="s">
        <v>736</v>
      </c>
      <c r="B726" s="2">
        <v>6</v>
      </c>
      <c r="C726" t="s">
        <v>13</v>
      </c>
      <c r="D726" s="2">
        <v>277</v>
      </c>
      <c r="E726">
        <v>2.5</v>
      </c>
      <c r="F726" s="3">
        <v>3.6</v>
      </c>
      <c r="G726">
        <v>83.333333333333329</v>
      </c>
      <c r="H726" s="3">
        <v>3</v>
      </c>
      <c r="I726" s="3">
        <v>4</v>
      </c>
    </row>
    <row r="727" spans="1:10" x14ac:dyDescent="0.25">
      <c r="A727" s="1" t="s">
        <v>737</v>
      </c>
      <c r="B727" s="2">
        <v>2</v>
      </c>
      <c r="C727" t="s">
        <v>13</v>
      </c>
      <c r="D727" s="2">
        <v>240</v>
      </c>
      <c r="E727">
        <v>30</v>
      </c>
      <c r="F727" s="3">
        <v>7.2</v>
      </c>
      <c r="G727" t="s">
        <v>187</v>
      </c>
      <c r="H727" s="3">
        <v>1</v>
      </c>
      <c r="I727" s="3">
        <v>3</v>
      </c>
      <c r="J727" s="3"/>
    </row>
    <row r="728" spans="1:10" x14ac:dyDescent="0.25">
      <c r="A728" s="1" t="s">
        <v>738</v>
      </c>
      <c r="B728" s="2">
        <v>2</v>
      </c>
      <c r="C728" t="s">
        <v>13</v>
      </c>
      <c r="D728" s="2">
        <v>240</v>
      </c>
      <c r="E728">
        <v>50</v>
      </c>
      <c r="F728" s="3">
        <v>12</v>
      </c>
      <c r="G728" t="s">
        <v>187</v>
      </c>
      <c r="H728" s="3">
        <v>1</v>
      </c>
      <c r="I728" s="3">
        <v>3</v>
      </c>
    </row>
    <row r="729" spans="1:10" x14ac:dyDescent="0.25">
      <c r="A729" s="1" t="s">
        <v>739</v>
      </c>
      <c r="B729" s="2">
        <v>8</v>
      </c>
      <c r="C729" t="s">
        <v>13</v>
      </c>
      <c r="D729" s="2">
        <v>480</v>
      </c>
      <c r="E729">
        <v>2.5</v>
      </c>
      <c r="F729" s="3">
        <v>4.8</v>
      </c>
      <c r="G729">
        <v>41.666666666666664</v>
      </c>
      <c r="H729" s="3">
        <v>3</v>
      </c>
      <c r="I729" s="3">
        <v>4</v>
      </c>
    </row>
    <row r="730" spans="1:10" x14ac:dyDescent="0.25">
      <c r="A730" s="1" t="s">
        <v>740</v>
      </c>
      <c r="B730" s="2">
        <v>12</v>
      </c>
      <c r="C730" t="s">
        <v>13</v>
      </c>
      <c r="D730" s="2">
        <v>240</v>
      </c>
      <c r="E730">
        <v>45</v>
      </c>
      <c r="F730" s="3">
        <v>3</v>
      </c>
      <c r="G730" t="s">
        <v>187</v>
      </c>
      <c r="H730" s="3">
        <v>3</v>
      </c>
      <c r="I730" s="3">
        <v>3</v>
      </c>
    </row>
    <row r="731" spans="1:10" x14ac:dyDescent="0.25">
      <c r="A731" s="1" t="s">
        <v>741</v>
      </c>
      <c r="B731" s="2">
        <v>5</v>
      </c>
      <c r="C731" t="s">
        <v>22</v>
      </c>
      <c r="D731" s="2">
        <v>120</v>
      </c>
      <c r="E731">
        <v>5</v>
      </c>
      <c r="F731" s="3">
        <v>0</v>
      </c>
      <c r="G731" t="s">
        <v>187</v>
      </c>
      <c r="H731" s="3">
        <v>3</v>
      </c>
      <c r="I731" s="3">
        <v>3</v>
      </c>
    </row>
    <row r="732" spans="1:10" x14ac:dyDescent="0.25">
      <c r="A732" s="1" t="s">
        <v>742</v>
      </c>
      <c r="B732" s="2">
        <v>10</v>
      </c>
      <c r="C732" t="s">
        <v>22</v>
      </c>
      <c r="D732" s="2">
        <v>120</v>
      </c>
      <c r="E732">
        <v>5</v>
      </c>
      <c r="F732" s="3">
        <v>1.8</v>
      </c>
      <c r="G732" t="s">
        <v>187</v>
      </c>
      <c r="H732" s="3">
        <v>3</v>
      </c>
      <c r="I732" s="3">
        <v>4</v>
      </c>
    </row>
    <row r="733" spans="1:10" x14ac:dyDescent="0.25">
      <c r="A733" s="1" t="s">
        <v>743</v>
      </c>
      <c r="B733" s="2">
        <v>5</v>
      </c>
      <c r="C733" t="s">
        <v>13</v>
      </c>
      <c r="D733" s="2">
        <v>480</v>
      </c>
      <c r="E733">
        <v>2.5</v>
      </c>
      <c r="F733" s="3">
        <v>1.2</v>
      </c>
      <c r="G733" t="s">
        <v>187</v>
      </c>
      <c r="H733" s="3">
        <v>3</v>
      </c>
      <c r="I733" s="3">
        <v>3</v>
      </c>
    </row>
    <row r="734" spans="1:10" x14ac:dyDescent="0.25">
      <c r="A734" s="1" t="s">
        <v>744</v>
      </c>
      <c r="B734" s="2">
        <v>5</v>
      </c>
      <c r="C734" t="s">
        <v>13</v>
      </c>
      <c r="D734" s="2">
        <v>480</v>
      </c>
      <c r="E734">
        <v>5</v>
      </c>
      <c r="F734" s="3">
        <v>4.8</v>
      </c>
      <c r="G734" t="s">
        <v>187</v>
      </c>
      <c r="H734" s="3">
        <v>3</v>
      </c>
      <c r="I734" s="3">
        <v>3</v>
      </c>
    </row>
    <row r="735" spans="1:10" x14ac:dyDescent="0.25">
      <c r="A735" s="1" t="s">
        <v>745</v>
      </c>
      <c r="B735" s="2">
        <v>5</v>
      </c>
      <c r="C735" t="s">
        <v>22</v>
      </c>
      <c r="D735" s="2">
        <v>120</v>
      </c>
      <c r="E735">
        <v>5</v>
      </c>
      <c r="F735" s="3">
        <v>1.2</v>
      </c>
      <c r="G735" t="s">
        <v>187</v>
      </c>
      <c r="H735" s="3">
        <v>3</v>
      </c>
      <c r="I735" s="3">
        <v>3</v>
      </c>
    </row>
    <row r="736" spans="1:10" x14ac:dyDescent="0.25">
      <c r="A736" s="1" t="s">
        <v>746</v>
      </c>
      <c r="B736" s="2">
        <v>3</v>
      </c>
      <c r="C736" t="s">
        <v>13</v>
      </c>
      <c r="D736" s="2">
        <v>240</v>
      </c>
      <c r="E736">
        <v>2.5</v>
      </c>
      <c r="F736" s="3">
        <v>0.25</v>
      </c>
      <c r="G736">
        <v>33.333333333333336</v>
      </c>
      <c r="H736" s="3">
        <v>1</v>
      </c>
      <c r="I736" s="3">
        <v>2</v>
      </c>
    </row>
    <row r="737" spans="1:9" x14ac:dyDescent="0.25">
      <c r="A737" s="1" t="s">
        <v>747</v>
      </c>
      <c r="B737" s="2">
        <v>6</v>
      </c>
      <c r="C737" t="s">
        <v>27</v>
      </c>
      <c r="D737" s="2">
        <v>120</v>
      </c>
      <c r="E737">
        <v>10</v>
      </c>
      <c r="F737" s="3">
        <v>0</v>
      </c>
      <c r="G737" t="s">
        <v>187</v>
      </c>
      <c r="H737" s="3">
        <v>3</v>
      </c>
      <c r="I737" s="3">
        <v>4</v>
      </c>
    </row>
    <row r="738" spans="1:9" x14ac:dyDescent="0.25">
      <c r="A738" s="1" t="s">
        <v>748</v>
      </c>
      <c r="B738" s="2">
        <v>16</v>
      </c>
      <c r="C738" t="s">
        <v>13</v>
      </c>
      <c r="D738" s="2">
        <v>120</v>
      </c>
      <c r="E738">
        <v>30</v>
      </c>
      <c r="F738" s="3">
        <v>43.2</v>
      </c>
      <c r="G738" t="s">
        <v>187</v>
      </c>
      <c r="H738" s="3">
        <v>3</v>
      </c>
      <c r="I738" s="3">
        <v>4</v>
      </c>
    </row>
    <row r="739" spans="1:9" x14ac:dyDescent="0.25">
      <c r="A739" s="1" t="s">
        <v>749</v>
      </c>
      <c r="B739" s="2">
        <v>1</v>
      </c>
      <c r="C739" t="s">
        <v>13</v>
      </c>
      <c r="D739" s="2">
        <v>240</v>
      </c>
      <c r="E739">
        <v>15</v>
      </c>
      <c r="F739" s="3">
        <v>3.6</v>
      </c>
      <c r="G739">
        <v>27.777777777777779</v>
      </c>
      <c r="H739" s="3">
        <v>1</v>
      </c>
      <c r="I739" s="3">
        <v>2</v>
      </c>
    </row>
    <row r="740" spans="1:9" x14ac:dyDescent="0.25">
      <c r="A740" s="1" t="s">
        <v>750</v>
      </c>
      <c r="B740" s="2">
        <v>12</v>
      </c>
      <c r="C740" t="s">
        <v>22</v>
      </c>
      <c r="D740" s="2">
        <v>120</v>
      </c>
      <c r="E740">
        <v>15</v>
      </c>
      <c r="F740" s="3">
        <v>7.2</v>
      </c>
      <c r="G740">
        <v>166.66666666666666</v>
      </c>
      <c r="H740" s="3">
        <v>3</v>
      </c>
      <c r="I740" s="3">
        <v>3</v>
      </c>
    </row>
    <row r="741" spans="1:9" x14ac:dyDescent="0.25">
      <c r="A741" s="1" t="s">
        <v>751</v>
      </c>
      <c r="B741" s="2">
        <v>8</v>
      </c>
      <c r="C741" t="s">
        <v>13</v>
      </c>
      <c r="D741" s="2">
        <v>480</v>
      </c>
      <c r="E741">
        <v>2.5</v>
      </c>
      <c r="F741" s="3">
        <v>4.8</v>
      </c>
      <c r="G741" t="s">
        <v>187</v>
      </c>
      <c r="H741" s="3">
        <v>3</v>
      </c>
      <c r="I741" s="3">
        <v>4</v>
      </c>
    </row>
    <row r="742" spans="1:9" x14ac:dyDescent="0.25">
      <c r="A742" s="1" t="s">
        <v>752</v>
      </c>
      <c r="B742" s="2">
        <v>12</v>
      </c>
      <c r="C742" t="s">
        <v>13</v>
      </c>
      <c r="D742" s="2">
        <v>120</v>
      </c>
      <c r="E742">
        <v>15</v>
      </c>
      <c r="F742" s="3">
        <v>7.2</v>
      </c>
      <c r="G742">
        <v>166.66666666666666</v>
      </c>
      <c r="H742" s="3">
        <v>3</v>
      </c>
      <c r="I742" s="3">
        <v>3</v>
      </c>
    </row>
    <row r="743" spans="1:9" x14ac:dyDescent="0.25">
      <c r="A743" s="1" t="s">
        <v>753</v>
      </c>
      <c r="B743" s="2">
        <v>14</v>
      </c>
      <c r="C743" t="s">
        <v>13</v>
      </c>
      <c r="D743" s="2">
        <v>120</v>
      </c>
      <c r="E743">
        <v>15</v>
      </c>
      <c r="F743" s="3">
        <v>5.4</v>
      </c>
      <c r="G743">
        <v>18.518518518518519</v>
      </c>
      <c r="H743" s="3">
        <v>3</v>
      </c>
      <c r="I743" s="3">
        <v>4</v>
      </c>
    </row>
    <row r="744" spans="1:9" x14ac:dyDescent="0.25">
      <c r="A744" s="1" t="s">
        <v>754</v>
      </c>
      <c r="B744" s="2">
        <v>14</v>
      </c>
      <c r="C744" t="s">
        <v>13</v>
      </c>
      <c r="D744" s="2">
        <v>240</v>
      </c>
      <c r="E744">
        <v>30</v>
      </c>
      <c r="F744" s="3">
        <v>43.2</v>
      </c>
      <c r="G744">
        <v>4.6296296296296298</v>
      </c>
      <c r="H744" s="3">
        <v>3</v>
      </c>
      <c r="I744" s="3">
        <v>4</v>
      </c>
    </row>
    <row r="745" spans="1:9" x14ac:dyDescent="0.25">
      <c r="A745" s="1" t="s">
        <v>755</v>
      </c>
      <c r="B745" s="2">
        <v>14</v>
      </c>
      <c r="C745" t="s">
        <v>13</v>
      </c>
      <c r="D745" s="2">
        <v>120</v>
      </c>
      <c r="E745">
        <v>15</v>
      </c>
      <c r="F745" s="3">
        <v>10.8</v>
      </c>
      <c r="G745">
        <v>166.66666666666666</v>
      </c>
      <c r="H745" s="3">
        <v>3</v>
      </c>
      <c r="I745" s="3">
        <v>4</v>
      </c>
    </row>
    <row r="746" spans="1:9" x14ac:dyDescent="0.25">
      <c r="A746" s="1" t="s">
        <v>756</v>
      </c>
      <c r="B746" s="2">
        <v>14</v>
      </c>
      <c r="C746" t="s">
        <v>13</v>
      </c>
      <c r="D746" s="2">
        <v>120</v>
      </c>
      <c r="E746">
        <v>15</v>
      </c>
      <c r="F746" s="3">
        <v>5.4</v>
      </c>
      <c r="G746">
        <v>166.66666666666666</v>
      </c>
      <c r="H746" s="3">
        <v>3</v>
      </c>
      <c r="I746" s="3">
        <v>4</v>
      </c>
    </row>
    <row r="747" spans="1:9" x14ac:dyDescent="0.25">
      <c r="A747" s="1" t="s">
        <v>757</v>
      </c>
      <c r="B747" s="2">
        <v>14</v>
      </c>
      <c r="C747" t="s">
        <v>22</v>
      </c>
      <c r="D747" s="2">
        <v>120</v>
      </c>
      <c r="E747">
        <v>15</v>
      </c>
      <c r="F747" s="3">
        <v>10.8</v>
      </c>
      <c r="G747">
        <v>166.66666666666666</v>
      </c>
      <c r="H747" s="3">
        <v>3</v>
      </c>
      <c r="I747" s="3">
        <v>4</v>
      </c>
    </row>
    <row r="748" spans="1:9" x14ac:dyDescent="0.25">
      <c r="A748" s="1" t="s">
        <v>758</v>
      </c>
      <c r="B748" s="2">
        <v>15</v>
      </c>
      <c r="C748" t="s">
        <v>11</v>
      </c>
      <c r="D748" s="2">
        <v>240</v>
      </c>
      <c r="E748">
        <v>50</v>
      </c>
      <c r="F748" s="3">
        <v>28.8</v>
      </c>
      <c r="G748">
        <v>3.4722222222222223</v>
      </c>
      <c r="H748" s="3">
        <v>3</v>
      </c>
      <c r="I748" s="3">
        <v>4</v>
      </c>
    </row>
    <row r="749" spans="1:9" x14ac:dyDescent="0.25">
      <c r="A749" s="1" t="s">
        <v>759</v>
      </c>
      <c r="B749" s="2">
        <v>14</v>
      </c>
      <c r="C749" t="s">
        <v>11</v>
      </c>
      <c r="D749" s="2">
        <v>120</v>
      </c>
      <c r="E749">
        <v>50</v>
      </c>
      <c r="F749" s="3">
        <v>21.6</v>
      </c>
      <c r="G749">
        <v>4.6296296296296298</v>
      </c>
      <c r="H749" s="3">
        <v>3</v>
      </c>
      <c r="I749" s="3">
        <v>4</v>
      </c>
    </row>
    <row r="750" spans="1:9" x14ac:dyDescent="0.25">
      <c r="A750" s="1" t="s">
        <v>760</v>
      </c>
      <c r="B750" s="2">
        <v>14</v>
      </c>
      <c r="C750" t="s">
        <v>13</v>
      </c>
      <c r="D750" s="2">
        <v>277</v>
      </c>
      <c r="E750">
        <v>15</v>
      </c>
      <c r="F750" s="3">
        <v>21.6</v>
      </c>
      <c r="G750">
        <v>4.6296296296296298</v>
      </c>
      <c r="H750" s="3">
        <v>3</v>
      </c>
      <c r="I750" s="3">
        <v>4</v>
      </c>
    </row>
    <row r="751" spans="1:9" x14ac:dyDescent="0.25">
      <c r="A751" s="1" t="s">
        <v>761</v>
      </c>
      <c r="B751" s="2">
        <v>12</v>
      </c>
      <c r="C751" t="s">
        <v>13</v>
      </c>
      <c r="D751" s="2">
        <v>240</v>
      </c>
      <c r="E751">
        <v>15</v>
      </c>
      <c r="F751" s="3">
        <v>7.2</v>
      </c>
      <c r="G751">
        <v>13.888888888888889</v>
      </c>
      <c r="H751" s="3">
        <v>3</v>
      </c>
      <c r="I751" s="3">
        <v>3</v>
      </c>
    </row>
    <row r="752" spans="1:9" x14ac:dyDescent="0.25">
      <c r="A752" s="1" t="s">
        <v>762</v>
      </c>
      <c r="B752" s="2">
        <v>14</v>
      </c>
      <c r="C752" t="s">
        <v>13</v>
      </c>
      <c r="D752" s="2">
        <v>277</v>
      </c>
      <c r="E752">
        <v>30</v>
      </c>
      <c r="F752" s="3">
        <v>43.2</v>
      </c>
      <c r="G752" t="s">
        <v>187</v>
      </c>
      <c r="H752" s="3">
        <v>3</v>
      </c>
      <c r="I752" s="3">
        <v>4</v>
      </c>
    </row>
    <row r="753" spans="1:9" x14ac:dyDescent="0.25">
      <c r="A753" s="1" t="s">
        <v>763</v>
      </c>
      <c r="B753" s="2">
        <v>5</v>
      </c>
      <c r="C753" t="s">
        <v>13</v>
      </c>
      <c r="D753" s="2">
        <v>120</v>
      </c>
      <c r="E753">
        <v>2.5</v>
      </c>
      <c r="F753" s="3">
        <v>1.2</v>
      </c>
      <c r="G753" t="s">
        <v>187</v>
      </c>
      <c r="H753" s="3">
        <v>3</v>
      </c>
      <c r="I753" s="3">
        <v>3</v>
      </c>
    </row>
    <row r="754" spans="1:9" x14ac:dyDescent="0.25">
      <c r="A754" s="1" t="s">
        <v>764</v>
      </c>
      <c r="B754" s="2">
        <v>12</v>
      </c>
      <c r="C754" t="s">
        <v>13</v>
      </c>
      <c r="D754" s="2">
        <v>240</v>
      </c>
      <c r="E754">
        <v>15</v>
      </c>
      <c r="F754" s="3">
        <v>7.2</v>
      </c>
      <c r="G754">
        <v>166.66666666666666</v>
      </c>
      <c r="H754" s="3">
        <v>3</v>
      </c>
      <c r="I754" s="3">
        <v>3</v>
      </c>
    </row>
    <row r="755" spans="1:9" x14ac:dyDescent="0.25">
      <c r="A755" s="1" t="s">
        <v>765</v>
      </c>
      <c r="B755" s="2">
        <v>12</v>
      </c>
      <c r="C755" t="s">
        <v>13</v>
      </c>
      <c r="D755" s="2">
        <v>240</v>
      </c>
      <c r="E755">
        <v>15</v>
      </c>
      <c r="F755" s="3">
        <v>14.4</v>
      </c>
      <c r="G755">
        <v>166.66666666666666</v>
      </c>
      <c r="H755" s="3">
        <v>3</v>
      </c>
      <c r="I755" s="3">
        <v>3</v>
      </c>
    </row>
    <row r="756" spans="1:9" x14ac:dyDescent="0.25">
      <c r="A756" s="1" t="s">
        <v>766</v>
      </c>
      <c r="B756" s="2">
        <v>14</v>
      </c>
      <c r="C756" t="s">
        <v>13</v>
      </c>
      <c r="D756" s="2">
        <v>277</v>
      </c>
      <c r="E756">
        <v>30</v>
      </c>
      <c r="F756" s="3">
        <v>43.2</v>
      </c>
      <c r="G756">
        <v>2.7777777777777777</v>
      </c>
      <c r="H756" s="3">
        <v>3</v>
      </c>
      <c r="I756" s="3">
        <v>4</v>
      </c>
    </row>
    <row r="757" spans="1:9" x14ac:dyDescent="0.25">
      <c r="A757" s="1" t="s">
        <v>767</v>
      </c>
      <c r="B757" s="2">
        <v>6</v>
      </c>
      <c r="C757" t="s">
        <v>13</v>
      </c>
      <c r="D757" s="2">
        <v>277</v>
      </c>
      <c r="E757">
        <v>2.5</v>
      </c>
      <c r="F757" s="3">
        <v>3.6</v>
      </c>
      <c r="G757">
        <v>33.333333333333336</v>
      </c>
      <c r="H757" s="3">
        <v>3</v>
      </c>
      <c r="I757" s="3">
        <v>4</v>
      </c>
    </row>
    <row r="758" spans="1:9" x14ac:dyDescent="0.25">
      <c r="A758" s="1" t="s">
        <v>768</v>
      </c>
      <c r="B758" s="2">
        <v>6</v>
      </c>
      <c r="C758" t="s">
        <v>13</v>
      </c>
      <c r="D758" s="2">
        <v>120</v>
      </c>
      <c r="E758">
        <v>2.5</v>
      </c>
      <c r="F758" s="3">
        <v>1.8</v>
      </c>
      <c r="G758">
        <v>66.666666666666671</v>
      </c>
      <c r="H758" s="3">
        <v>3</v>
      </c>
      <c r="I758" s="3">
        <v>4</v>
      </c>
    </row>
    <row r="759" spans="1:9" x14ac:dyDescent="0.25">
      <c r="A759" s="1" t="s">
        <v>769</v>
      </c>
      <c r="B759" s="2">
        <v>12</v>
      </c>
      <c r="C759" t="s">
        <v>22</v>
      </c>
      <c r="D759" s="2">
        <v>240</v>
      </c>
      <c r="E759">
        <v>15</v>
      </c>
      <c r="F759" s="3">
        <v>14.4</v>
      </c>
      <c r="G759">
        <v>166.66666666666666</v>
      </c>
      <c r="H759" s="3">
        <v>3</v>
      </c>
      <c r="I759" s="3">
        <v>3</v>
      </c>
    </row>
    <row r="760" spans="1:9" x14ac:dyDescent="0.25">
      <c r="A760" s="1" t="s">
        <v>770</v>
      </c>
      <c r="B760" s="2">
        <v>12</v>
      </c>
      <c r="C760" t="s">
        <v>13</v>
      </c>
      <c r="D760" s="2">
        <v>240</v>
      </c>
      <c r="E760">
        <v>15</v>
      </c>
      <c r="F760" s="3">
        <v>14.4</v>
      </c>
      <c r="G760">
        <v>83.333333333333329</v>
      </c>
      <c r="H760" s="3">
        <v>3</v>
      </c>
      <c r="I760" s="3">
        <v>3</v>
      </c>
    </row>
    <row r="761" spans="1:9" x14ac:dyDescent="0.25">
      <c r="A761" s="1" t="s">
        <v>771</v>
      </c>
      <c r="B761" s="2">
        <v>9</v>
      </c>
      <c r="C761" t="s">
        <v>22</v>
      </c>
      <c r="D761" s="2">
        <v>120</v>
      </c>
      <c r="E761">
        <v>2.5</v>
      </c>
      <c r="F761" s="3">
        <v>1.8</v>
      </c>
      <c r="G761">
        <v>166.66666666666666</v>
      </c>
      <c r="H761" s="3">
        <v>3</v>
      </c>
      <c r="I761" s="3">
        <v>4</v>
      </c>
    </row>
    <row r="762" spans="1:9" x14ac:dyDescent="0.25">
      <c r="A762" s="1" t="s">
        <v>772</v>
      </c>
      <c r="B762" s="2">
        <v>9</v>
      </c>
      <c r="C762" t="s">
        <v>22</v>
      </c>
      <c r="D762" s="2">
        <v>240</v>
      </c>
      <c r="E762">
        <v>2.5</v>
      </c>
      <c r="F762" s="3">
        <v>3.6</v>
      </c>
      <c r="G762">
        <v>166.66666666666666</v>
      </c>
      <c r="H762" s="3">
        <v>3</v>
      </c>
      <c r="I762" s="3">
        <v>4</v>
      </c>
    </row>
    <row r="763" spans="1:9" x14ac:dyDescent="0.25">
      <c r="A763" s="1" t="s">
        <v>773</v>
      </c>
      <c r="B763" s="2">
        <v>9</v>
      </c>
      <c r="C763" t="s">
        <v>13</v>
      </c>
      <c r="D763" s="2">
        <v>277</v>
      </c>
      <c r="E763">
        <v>2.5</v>
      </c>
      <c r="F763" s="3">
        <v>3.6</v>
      </c>
      <c r="G763">
        <v>27.777777777777779</v>
      </c>
      <c r="H763" s="3">
        <v>3</v>
      </c>
      <c r="I763" s="3">
        <v>4</v>
      </c>
    </row>
    <row r="764" spans="1:9" x14ac:dyDescent="0.25">
      <c r="A764" s="1" t="s">
        <v>774</v>
      </c>
      <c r="B764" s="2">
        <v>8</v>
      </c>
      <c r="C764" t="s">
        <v>13</v>
      </c>
      <c r="D764" s="2">
        <v>240</v>
      </c>
      <c r="E764">
        <v>2.5</v>
      </c>
      <c r="F764" s="3">
        <v>2.4</v>
      </c>
      <c r="G764">
        <v>50</v>
      </c>
      <c r="H764" s="3">
        <v>3</v>
      </c>
      <c r="I764" s="3">
        <v>4</v>
      </c>
    </row>
    <row r="765" spans="1:9" x14ac:dyDescent="0.25">
      <c r="A765" s="1" t="s">
        <v>775</v>
      </c>
      <c r="B765" s="2">
        <v>13</v>
      </c>
      <c r="C765" t="s">
        <v>22</v>
      </c>
      <c r="D765" s="2">
        <v>240</v>
      </c>
      <c r="E765">
        <v>15</v>
      </c>
      <c r="F765" s="3">
        <v>14.4</v>
      </c>
      <c r="G765">
        <v>166.66666666666666</v>
      </c>
      <c r="H765" s="3">
        <v>3</v>
      </c>
      <c r="I765" s="3">
        <v>3</v>
      </c>
    </row>
    <row r="766" spans="1:9" x14ac:dyDescent="0.25">
      <c r="A766" s="1" t="s">
        <v>776</v>
      </c>
      <c r="B766" s="2">
        <v>3</v>
      </c>
      <c r="C766" t="s">
        <v>22</v>
      </c>
      <c r="D766" s="2">
        <v>120</v>
      </c>
      <c r="E766">
        <v>2.5</v>
      </c>
      <c r="F766" s="3">
        <v>0.3</v>
      </c>
      <c r="G766" t="s">
        <v>187</v>
      </c>
      <c r="H766" s="3">
        <v>1</v>
      </c>
      <c r="I766" s="3">
        <v>2</v>
      </c>
    </row>
    <row r="767" spans="1:9" x14ac:dyDescent="0.25">
      <c r="A767" s="1" t="s">
        <v>777</v>
      </c>
      <c r="B767" s="2">
        <v>9</v>
      </c>
      <c r="C767" t="s">
        <v>27</v>
      </c>
      <c r="D767" s="2">
        <v>69</v>
      </c>
      <c r="E767">
        <v>2.5</v>
      </c>
      <c r="F767" s="3">
        <v>1.08</v>
      </c>
      <c r="G767" t="s">
        <v>187</v>
      </c>
      <c r="H767" s="3">
        <v>3</v>
      </c>
      <c r="I767" s="3">
        <v>4</v>
      </c>
    </row>
    <row r="768" spans="1:9" x14ac:dyDescent="0.25">
      <c r="A768" s="1" t="s">
        <v>778</v>
      </c>
      <c r="B768" s="2">
        <v>17</v>
      </c>
      <c r="C768" t="s">
        <v>13</v>
      </c>
      <c r="D768" s="2">
        <v>120</v>
      </c>
      <c r="E768">
        <v>45</v>
      </c>
      <c r="F768" s="3">
        <v>54</v>
      </c>
      <c r="G768" t="s">
        <v>187</v>
      </c>
      <c r="H768" s="3">
        <v>3</v>
      </c>
      <c r="I768" s="3">
        <v>4</v>
      </c>
    </row>
    <row r="769" spans="1:9" x14ac:dyDescent="0.25">
      <c r="A769" s="1" t="s">
        <v>779</v>
      </c>
      <c r="B769" s="2">
        <v>11</v>
      </c>
      <c r="C769" t="s">
        <v>13</v>
      </c>
      <c r="D769" s="2">
        <v>120</v>
      </c>
      <c r="E769">
        <v>2.5</v>
      </c>
      <c r="F769" s="3">
        <v>1.2</v>
      </c>
      <c r="G769" t="s">
        <v>187</v>
      </c>
      <c r="H769" s="3">
        <v>3</v>
      </c>
      <c r="I769" s="3">
        <v>4</v>
      </c>
    </row>
    <row r="770" spans="1:9" x14ac:dyDescent="0.25">
      <c r="A770" s="1" t="s">
        <v>780</v>
      </c>
      <c r="B770" s="2">
        <v>12</v>
      </c>
      <c r="C770" t="s">
        <v>13</v>
      </c>
      <c r="D770" s="2">
        <v>480</v>
      </c>
      <c r="E770">
        <v>30</v>
      </c>
      <c r="F770" s="3">
        <v>57.6</v>
      </c>
      <c r="G770">
        <v>69.444444444444443</v>
      </c>
      <c r="H770" s="3">
        <v>3</v>
      </c>
      <c r="I770" s="3">
        <v>3</v>
      </c>
    </row>
    <row r="771" spans="1:9" x14ac:dyDescent="0.25">
      <c r="A771" s="1" t="s">
        <v>781</v>
      </c>
      <c r="B771" s="2">
        <v>12</v>
      </c>
      <c r="C771" t="s">
        <v>13</v>
      </c>
      <c r="D771" s="2">
        <v>480</v>
      </c>
      <c r="E771">
        <v>30</v>
      </c>
      <c r="F771" s="3">
        <v>57.6</v>
      </c>
      <c r="G771">
        <v>138.88888888888889</v>
      </c>
      <c r="H771" s="3">
        <v>3</v>
      </c>
      <c r="I771" s="3">
        <v>3</v>
      </c>
    </row>
    <row r="772" spans="1:9" x14ac:dyDescent="0.25">
      <c r="A772" s="1" t="s">
        <v>782</v>
      </c>
      <c r="B772" s="2">
        <v>16</v>
      </c>
      <c r="C772" t="s">
        <v>13</v>
      </c>
      <c r="D772" s="2">
        <v>120</v>
      </c>
      <c r="E772">
        <v>30</v>
      </c>
      <c r="F772" s="3">
        <v>28.8</v>
      </c>
      <c r="G772" t="s">
        <v>187</v>
      </c>
      <c r="H772" s="3">
        <v>3</v>
      </c>
      <c r="I772" s="3">
        <v>4</v>
      </c>
    </row>
    <row r="773" spans="1:9" x14ac:dyDescent="0.25">
      <c r="A773" s="1" t="s">
        <v>783</v>
      </c>
      <c r="B773" s="2">
        <v>10</v>
      </c>
      <c r="C773" t="s">
        <v>22</v>
      </c>
      <c r="D773" s="2">
        <v>120</v>
      </c>
      <c r="E773">
        <v>2.5</v>
      </c>
      <c r="F773" s="3">
        <v>2.4</v>
      </c>
      <c r="G773" t="s">
        <v>187</v>
      </c>
      <c r="H773" s="3">
        <v>3</v>
      </c>
      <c r="I773" s="3">
        <v>4</v>
      </c>
    </row>
    <row r="774" spans="1:9" x14ac:dyDescent="0.25">
      <c r="A774" s="1" t="s">
        <v>784</v>
      </c>
      <c r="B774" s="2">
        <v>4</v>
      </c>
      <c r="C774" t="s">
        <v>13</v>
      </c>
      <c r="D774" s="2">
        <v>240</v>
      </c>
      <c r="E774">
        <v>2.5</v>
      </c>
      <c r="F774" s="3">
        <v>0.6</v>
      </c>
      <c r="G774">
        <v>4.166666666666667</v>
      </c>
      <c r="H774" s="3">
        <v>1</v>
      </c>
      <c r="I774" s="3">
        <v>3</v>
      </c>
    </row>
    <row r="775" spans="1:9" x14ac:dyDescent="0.25">
      <c r="A775" s="1" t="s">
        <v>785</v>
      </c>
      <c r="B775" s="2">
        <v>15</v>
      </c>
      <c r="C775" t="s">
        <v>271</v>
      </c>
      <c r="D775" s="2">
        <v>480</v>
      </c>
      <c r="E775">
        <v>50</v>
      </c>
      <c r="F775" s="3">
        <v>115.2</v>
      </c>
      <c r="G775" t="s">
        <v>187</v>
      </c>
      <c r="H775" s="3">
        <v>3</v>
      </c>
      <c r="I775" s="3">
        <v>4</v>
      </c>
    </row>
    <row r="776" spans="1:9" x14ac:dyDescent="0.25">
      <c r="A776" s="1" t="s">
        <v>786</v>
      </c>
      <c r="B776" s="2">
        <v>16</v>
      </c>
      <c r="C776" t="s">
        <v>13</v>
      </c>
      <c r="D776" s="2">
        <v>120</v>
      </c>
      <c r="E776">
        <v>50</v>
      </c>
      <c r="F776" s="3">
        <v>43.2</v>
      </c>
      <c r="G776">
        <v>4.6296296296296298</v>
      </c>
      <c r="H776" s="3">
        <v>3</v>
      </c>
      <c r="I776" s="3">
        <v>4</v>
      </c>
    </row>
    <row r="777" spans="1:9" x14ac:dyDescent="0.25">
      <c r="A777" s="1" t="s">
        <v>787</v>
      </c>
      <c r="B777" s="2">
        <v>16</v>
      </c>
      <c r="C777" t="s">
        <v>13</v>
      </c>
      <c r="D777" s="2">
        <v>120</v>
      </c>
      <c r="E777">
        <v>50</v>
      </c>
      <c r="F777" s="3">
        <v>43.2</v>
      </c>
      <c r="G777">
        <v>2.3148148148148149</v>
      </c>
      <c r="H777" s="3">
        <v>3</v>
      </c>
      <c r="I777" s="3">
        <v>4</v>
      </c>
    </row>
    <row r="778" spans="1:9" x14ac:dyDescent="0.25">
      <c r="A778" s="1" t="s">
        <v>788</v>
      </c>
      <c r="B778" s="2">
        <v>15</v>
      </c>
      <c r="C778" t="s">
        <v>13</v>
      </c>
      <c r="D778" s="2">
        <v>240</v>
      </c>
      <c r="E778">
        <v>15</v>
      </c>
      <c r="F778" s="3">
        <v>14.4</v>
      </c>
      <c r="G778">
        <v>166.66666666666666</v>
      </c>
      <c r="H778" s="3">
        <v>3</v>
      </c>
      <c r="I778" s="3">
        <v>4</v>
      </c>
    </row>
    <row r="779" spans="1:9" x14ac:dyDescent="0.25">
      <c r="A779" s="1" t="s">
        <v>789</v>
      </c>
      <c r="B779" s="2">
        <v>15</v>
      </c>
      <c r="C779" t="s">
        <v>22</v>
      </c>
      <c r="D779" s="2">
        <v>240</v>
      </c>
      <c r="E779">
        <v>15</v>
      </c>
      <c r="F779" s="3">
        <v>14.4</v>
      </c>
      <c r="G779">
        <v>166.66666666666666</v>
      </c>
      <c r="H779" s="3">
        <v>3</v>
      </c>
      <c r="I779" s="3">
        <v>4</v>
      </c>
    </row>
    <row r="780" spans="1:9" x14ac:dyDescent="0.25">
      <c r="A780" s="1" t="s">
        <v>790</v>
      </c>
      <c r="B780" s="2">
        <v>14</v>
      </c>
      <c r="C780" t="s">
        <v>13</v>
      </c>
      <c r="D780" s="2">
        <v>277</v>
      </c>
      <c r="E780">
        <v>15</v>
      </c>
      <c r="F780" s="3">
        <v>21.6</v>
      </c>
      <c r="G780">
        <v>166.66666666666666</v>
      </c>
      <c r="H780" s="3">
        <v>3</v>
      </c>
      <c r="I780" s="3">
        <v>4</v>
      </c>
    </row>
    <row r="781" spans="1:9" x14ac:dyDescent="0.25">
      <c r="A781" s="1" t="s">
        <v>791</v>
      </c>
      <c r="B781" s="2">
        <v>14</v>
      </c>
      <c r="C781" t="s">
        <v>13</v>
      </c>
      <c r="D781" s="2">
        <v>277</v>
      </c>
      <c r="E781">
        <v>15</v>
      </c>
      <c r="F781" s="3">
        <v>10.8</v>
      </c>
      <c r="G781">
        <v>166.66666666666666</v>
      </c>
      <c r="H781" s="3">
        <v>3</v>
      </c>
      <c r="I781" s="3">
        <v>4</v>
      </c>
    </row>
    <row r="782" spans="1:9" x14ac:dyDescent="0.25">
      <c r="A782" s="1" t="s">
        <v>792</v>
      </c>
      <c r="B782" s="2">
        <v>14</v>
      </c>
      <c r="C782" t="s">
        <v>22</v>
      </c>
      <c r="D782" s="2">
        <v>277</v>
      </c>
      <c r="E782">
        <v>15</v>
      </c>
      <c r="F782" s="3">
        <v>21.6</v>
      </c>
      <c r="G782">
        <v>166.66666666666666</v>
      </c>
      <c r="H782" s="3">
        <v>3</v>
      </c>
      <c r="I782" s="3">
        <v>4</v>
      </c>
    </row>
    <row r="783" spans="1:9" x14ac:dyDescent="0.25">
      <c r="A783" s="1" t="s">
        <v>793</v>
      </c>
      <c r="B783" s="2">
        <v>16</v>
      </c>
      <c r="C783" t="s">
        <v>22</v>
      </c>
      <c r="D783" s="2">
        <v>277</v>
      </c>
      <c r="E783">
        <v>15</v>
      </c>
      <c r="F783" s="3">
        <v>10.8</v>
      </c>
      <c r="G783">
        <v>9.2592592592592595</v>
      </c>
      <c r="H783" s="3">
        <v>3</v>
      </c>
      <c r="I783" s="3">
        <v>4</v>
      </c>
    </row>
    <row r="784" spans="1:9" x14ac:dyDescent="0.25">
      <c r="A784" s="1" t="s">
        <v>794</v>
      </c>
      <c r="B784" s="2">
        <v>16</v>
      </c>
      <c r="C784" t="s">
        <v>22</v>
      </c>
      <c r="D784" s="2">
        <v>277</v>
      </c>
      <c r="E784">
        <v>15</v>
      </c>
      <c r="F784" s="3">
        <v>10.8</v>
      </c>
      <c r="G784">
        <v>166.66666666666666</v>
      </c>
      <c r="H784" s="3">
        <v>3</v>
      </c>
      <c r="I784" s="3">
        <v>4</v>
      </c>
    </row>
    <row r="785" spans="1:9" x14ac:dyDescent="0.25">
      <c r="A785" s="1" t="s">
        <v>795</v>
      </c>
      <c r="B785" s="2">
        <v>12</v>
      </c>
      <c r="C785" t="s">
        <v>22</v>
      </c>
      <c r="D785" s="2">
        <v>120</v>
      </c>
      <c r="E785">
        <v>30</v>
      </c>
      <c r="F785" s="3">
        <v>14.4</v>
      </c>
      <c r="G785">
        <v>166.66666666666666</v>
      </c>
      <c r="H785" s="3">
        <v>3</v>
      </c>
      <c r="I785" s="3">
        <v>3</v>
      </c>
    </row>
    <row r="786" spans="1:9" x14ac:dyDescent="0.25">
      <c r="A786" s="1" t="s">
        <v>796</v>
      </c>
      <c r="B786" s="2">
        <v>12</v>
      </c>
      <c r="C786" t="s">
        <v>13</v>
      </c>
      <c r="D786" s="2">
        <v>120</v>
      </c>
      <c r="E786">
        <v>30</v>
      </c>
      <c r="F786" s="3">
        <v>14.4</v>
      </c>
      <c r="G786">
        <v>166.66666666666666</v>
      </c>
      <c r="H786" s="3">
        <v>3</v>
      </c>
      <c r="I786" s="3">
        <v>3</v>
      </c>
    </row>
    <row r="787" spans="1:9" x14ac:dyDescent="0.25">
      <c r="A787" s="1" t="s">
        <v>797</v>
      </c>
      <c r="B787" s="2">
        <v>14</v>
      </c>
      <c r="C787" t="s">
        <v>13</v>
      </c>
      <c r="D787" s="2">
        <v>240</v>
      </c>
      <c r="E787">
        <v>15</v>
      </c>
      <c r="F787" s="3">
        <v>21.6</v>
      </c>
      <c r="G787">
        <v>9.2592592592592595</v>
      </c>
      <c r="H787" s="3">
        <v>3</v>
      </c>
      <c r="I787" s="3">
        <v>4</v>
      </c>
    </row>
    <row r="788" spans="1:9" x14ac:dyDescent="0.25">
      <c r="A788" s="1" t="s">
        <v>798</v>
      </c>
      <c r="B788" s="2">
        <v>14</v>
      </c>
      <c r="C788" t="s">
        <v>13</v>
      </c>
      <c r="D788" s="2">
        <v>120</v>
      </c>
      <c r="E788">
        <v>30</v>
      </c>
      <c r="F788" s="3">
        <v>10.8</v>
      </c>
      <c r="G788">
        <v>9.2592592592592595</v>
      </c>
      <c r="H788" s="3">
        <v>3</v>
      </c>
      <c r="I788" s="3">
        <v>4</v>
      </c>
    </row>
    <row r="789" spans="1:9" x14ac:dyDescent="0.25">
      <c r="A789" s="1" t="s">
        <v>799</v>
      </c>
      <c r="B789" s="2">
        <v>14</v>
      </c>
      <c r="C789" t="s">
        <v>13</v>
      </c>
      <c r="D789" s="2">
        <v>240</v>
      </c>
      <c r="E789">
        <v>30</v>
      </c>
      <c r="F789" s="3">
        <v>43.2</v>
      </c>
      <c r="G789">
        <v>2.3148148148148149</v>
      </c>
      <c r="H789" s="3">
        <v>3</v>
      </c>
      <c r="I789" s="3">
        <v>4</v>
      </c>
    </row>
    <row r="790" spans="1:9" x14ac:dyDescent="0.25">
      <c r="A790" s="1" t="s">
        <v>800</v>
      </c>
      <c r="B790" s="2">
        <v>14</v>
      </c>
      <c r="C790" t="s">
        <v>13</v>
      </c>
      <c r="D790" s="2">
        <v>120</v>
      </c>
      <c r="E790">
        <v>30</v>
      </c>
      <c r="F790" s="3">
        <v>10.8</v>
      </c>
      <c r="G790">
        <v>166.66666666666666</v>
      </c>
      <c r="H790" s="3">
        <v>3</v>
      </c>
      <c r="I790" s="3">
        <v>4</v>
      </c>
    </row>
    <row r="791" spans="1:9" x14ac:dyDescent="0.25">
      <c r="A791" s="1" t="s">
        <v>801</v>
      </c>
      <c r="B791" s="2">
        <v>14</v>
      </c>
      <c r="C791" t="s">
        <v>13</v>
      </c>
      <c r="D791" s="2">
        <v>120</v>
      </c>
      <c r="E791">
        <v>30</v>
      </c>
      <c r="F791" s="3">
        <v>21.6</v>
      </c>
      <c r="G791">
        <v>166.66666666666666</v>
      </c>
      <c r="H791" s="3">
        <v>3</v>
      </c>
      <c r="I791" s="3">
        <v>4</v>
      </c>
    </row>
    <row r="792" spans="1:9" x14ac:dyDescent="0.25">
      <c r="A792" s="1" t="s">
        <v>802</v>
      </c>
      <c r="B792" s="2">
        <v>14</v>
      </c>
      <c r="C792" t="s">
        <v>13</v>
      </c>
      <c r="D792" s="2">
        <v>120</v>
      </c>
      <c r="E792">
        <v>30</v>
      </c>
      <c r="F792" s="3">
        <v>21.6</v>
      </c>
      <c r="G792">
        <v>83.333333333333329</v>
      </c>
      <c r="H792" s="3">
        <v>3</v>
      </c>
      <c r="I792" s="3">
        <v>4</v>
      </c>
    </row>
    <row r="793" spans="1:9" x14ac:dyDescent="0.25">
      <c r="A793" s="1" t="s">
        <v>803</v>
      </c>
      <c r="B793" s="2">
        <v>14</v>
      </c>
      <c r="C793" t="s">
        <v>22</v>
      </c>
      <c r="D793" s="2">
        <v>120</v>
      </c>
      <c r="E793">
        <v>30</v>
      </c>
      <c r="F793" s="3">
        <v>21.6</v>
      </c>
      <c r="G793">
        <v>166.66666666666666</v>
      </c>
      <c r="H793" s="3">
        <v>3</v>
      </c>
      <c r="I793" s="3">
        <v>4</v>
      </c>
    </row>
    <row r="794" spans="1:9" x14ac:dyDescent="0.25">
      <c r="A794" s="1" t="s">
        <v>804</v>
      </c>
      <c r="B794" s="2">
        <v>16</v>
      </c>
      <c r="C794" t="s">
        <v>13</v>
      </c>
      <c r="D794" s="2">
        <v>120</v>
      </c>
      <c r="E794">
        <v>50</v>
      </c>
      <c r="F794" s="3">
        <v>43.2</v>
      </c>
      <c r="G794">
        <v>30.864197530864196</v>
      </c>
      <c r="H794" s="3">
        <v>3</v>
      </c>
      <c r="I794" s="3">
        <v>4</v>
      </c>
    </row>
    <row r="795" spans="1:9" x14ac:dyDescent="0.25">
      <c r="A795" s="1" t="s">
        <v>805</v>
      </c>
      <c r="B795" s="2">
        <v>12</v>
      </c>
      <c r="C795" t="s">
        <v>13</v>
      </c>
      <c r="D795" s="2">
        <v>240</v>
      </c>
      <c r="E795">
        <v>30</v>
      </c>
      <c r="F795" s="3">
        <v>14.4</v>
      </c>
      <c r="G795">
        <v>6.9444444444444446</v>
      </c>
      <c r="H795" s="3">
        <v>3</v>
      </c>
      <c r="I795" s="3">
        <v>3</v>
      </c>
    </row>
    <row r="796" spans="1:9" x14ac:dyDescent="0.25">
      <c r="A796" s="1" t="s">
        <v>806</v>
      </c>
      <c r="B796" s="2">
        <v>12</v>
      </c>
      <c r="C796" t="s">
        <v>13</v>
      </c>
      <c r="D796" s="2">
        <v>240</v>
      </c>
      <c r="E796">
        <v>30</v>
      </c>
      <c r="F796" s="3">
        <v>28.8</v>
      </c>
      <c r="G796">
        <v>166.66666666666666</v>
      </c>
      <c r="H796" s="3">
        <v>3</v>
      </c>
      <c r="I796" s="3">
        <v>3</v>
      </c>
    </row>
    <row r="797" spans="1:9" x14ac:dyDescent="0.25">
      <c r="A797" s="1" t="s">
        <v>807</v>
      </c>
      <c r="B797" s="2">
        <v>12</v>
      </c>
      <c r="C797" t="s">
        <v>13</v>
      </c>
      <c r="D797" s="2">
        <v>240</v>
      </c>
      <c r="E797">
        <v>30</v>
      </c>
      <c r="F797" s="3">
        <v>14.4</v>
      </c>
      <c r="G797">
        <v>166.66666666666666</v>
      </c>
      <c r="H797" s="3">
        <v>3</v>
      </c>
      <c r="I797" s="3">
        <v>3</v>
      </c>
    </row>
    <row r="798" spans="1:9" x14ac:dyDescent="0.25">
      <c r="A798" s="1" t="s">
        <v>808</v>
      </c>
      <c r="B798" s="2">
        <v>12</v>
      </c>
      <c r="C798" t="s">
        <v>22</v>
      </c>
      <c r="D798" s="2">
        <v>240</v>
      </c>
      <c r="E798">
        <v>30</v>
      </c>
      <c r="F798" s="3">
        <v>28.8</v>
      </c>
      <c r="G798">
        <v>166.66666666666666</v>
      </c>
      <c r="H798" s="3">
        <v>3</v>
      </c>
      <c r="I798" s="3">
        <v>3</v>
      </c>
    </row>
    <row r="799" spans="1:9" x14ac:dyDescent="0.25">
      <c r="A799" s="1" t="s">
        <v>809</v>
      </c>
      <c r="B799" s="2">
        <v>12</v>
      </c>
      <c r="C799" t="s">
        <v>13</v>
      </c>
      <c r="D799" s="2">
        <v>240</v>
      </c>
      <c r="E799">
        <v>30</v>
      </c>
      <c r="F799" s="3">
        <v>28.8</v>
      </c>
      <c r="G799">
        <v>83.333333333333329</v>
      </c>
      <c r="H799" s="3">
        <v>3</v>
      </c>
      <c r="I799" s="3">
        <v>3</v>
      </c>
    </row>
    <row r="800" spans="1:9" x14ac:dyDescent="0.25">
      <c r="A800" s="1" t="s">
        <v>810</v>
      </c>
      <c r="B800" s="2">
        <v>15</v>
      </c>
      <c r="C800" t="s">
        <v>13</v>
      </c>
      <c r="D800" s="2">
        <v>480</v>
      </c>
      <c r="E800">
        <v>30</v>
      </c>
      <c r="F800" s="3">
        <v>57.6</v>
      </c>
      <c r="G800">
        <v>3.4722222222222223</v>
      </c>
      <c r="H800" s="3">
        <v>3</v>
      </c>
      <c r="I800" s="3">
        <v>4</v>
      </c>
    </row>
    <row r="801" spans="1:9" x14ac:dyDescent="0.25">
      <c r="A801" s="1" t="s">
        <v>811</v>
      </c>
      <c r="B801" s="2">
        <v>13</v>
      </c>
      <c r="C801" t="s">
        <v>22</v>
      </c>
      <c r="D801" s="2">
        <v>240</v>
      </c>
      <c r="E801">
        <v>30</v>
      </c>
      <c r="F801" s="3">
        <v>28.8</v>
      </c>
      <c r="G801">
        <v>166.66666666666666</v>
      </c>
      <c r="H801" s="3">
        <v>3</v>
      </c>
      <c r="I801" s="3">
        <v>3</v>
      </c>
    </row>
    <row r="802" spans="1:9" x14ac:dyDescent="0.25">
      <c r="A802" s="1" t="s">
        <v>812</v>
      </c>
      <c r="B802" s="2">
        <v>15</v>
      </c>
      <c r="C802" t="s">
        <v>13</v>
      </c>
      <c r="D802" s="2">
        <v>480</v>
      </c>
      <c r="E802">
        <v>50</v>
      </c>
      <c r="F802" s="3">
        <v>6</v>
      </c>
      <c r="G802" t="s">
        <v>187</v>
      </c>
      <c r="H802" s="3">
        <v>3</v>
      </c>
      <c r="I802" s="3">
        <v>4</v>
      </c>
    </row>
    <row r="803" spans="1:9" x14ac:dyDescent="0.25">
      <c r="A803" s="1" t="s">
        <v>813</v>
      </c>
      <c r="B803" s="2">
        <v>9</v>
      </c>
      <c r="C803" t="s">
        <v>13</v>
      </c>
      <c r="D803" s="2">
        <v>277</v>
      </c>
      <c r="E803">
        <v>5</v>
      </c>
      <c r="F803" s="3">
        <v>3.6</v>
      </c>
      <c r="G803" t="s">
        <v>187</v>
      </c>
      <c r="H803" s="3">
        <v>3</v>
      </c>
      <c r="I803" s="3">
        <v>4</v>
      </c>
    </row>
    <row r="804" spans="1:9" x14ac:dyDescent="0.25">
      <c r="A804" s="1" t="s">
        <v>814</v>
      </c>
      <c r="B804" s="2">
        <v>3</v>
      </c>
      <c r="C804" t="s">
        <v>13</v>
      </c>
      <c r="D804" s="2">
        <v>120</v>
      </c>
      <c r="E804">
        <v>5</v>
      </c>
      <c r="F804" s="3">
        <v>0.6</v>
      </c>
      <c r="G804" t="s">
        <v>187</v>
      </c>
      <c r="H804" s="3">
        <v>1</v>
      </c>
      <c r="I804" s="3">
        <v>2</v>
      </c>
    </row>
    <row r="805" spans="1:9" x14ac:dyDescent="0.25">
      <c r="A805" s="1" t="s">
        <v>815</v>
      </c>
      <c r="B805" s="2">
        <v>12</v>
      </c>
      <c r="C805" t="s">
        <v>13</v>
      </c>
      <c r="D805" s="2">
        <v>0</v>
      </c>
      <c r="E805">
        <v>2.5</v>
      </c>
      <c r="F805" s="3">
        <v>0</v>
      </c>
      <c r="G805" t="s">
        <v>187</v>
      </c>
      <c r="H805" s="3">
        <v>3</v>
      </c>
      <c r="I805" s="3">
        <v>3</v>
      </c>
    </row>
    <row r="806" spans="1:9" x14ac:dyDescent="0.25">
      <c r="A806" s="1" t="s">
        <v>816</v>
      </c>
      <c r="B806" s="2">
        <v>16</v>
      </c>
      <c r="C806" t="s">
        <v>13</v>
      </c>
      <c r="D806" s="2">
        <v>0</v>
      </c>
      <c r="E806">
        <v>2.5</v>
      </c>
      <c r="F806" s="3">
        <v>0</v>
      </c>
      <c r="G806" t="s">
        <v>187</v>
      </c>
      <c r="H806" s="3">
        <v>3</v>
      </c>
      <c r="I806" s="3">
        <v>4</v>
      </c>
    </row>
    <row r="807" spans="1:9" x14ac:dyDescent="0.25">
      <c r="A807" s="1" t="s">
        <v>817</v>
      </c>
      <c r="B807" s="2">
        <v>10</v>
      </c>
      <c r="C807" t="s">
        <v>22</v>
      </c>
      <c r="D807" s="2">
        <v>240</v>
      </c>
      <c r="E807">
        <v>2.5</v>
      </c>
      <c r="F807" s="3">
        <v>2.4</v>
      </c>
      <c r="G807" t="s">
        <v>187</v>
      </c>
      <c r="H807" s="3">
        <v>3</v>
      </c>
      <c r="I807" s="3">
        <v>4</v>
      </c>
    </row>
    <row r="808" spans="1:9" x14ac:dyDescent="0.25">
      <c r="A808" s="1" t="s">
        <v>818</v>
      </c>
      <c r="B808" s="2">
        <v>16</v>
      </c>
      <c r="C808" t="s">
        <v>13</v>
      </c>
      <c r="D808" s="2">
        <v>120</v>
      </c>
      <c r="E808">
        <v>50</v>
      </c>
      <c r="F808" s="3">
        <v>4.5</v>
      </c>
      <c r="G808" t="s">
        <v>187</v>
      </c>
      <c r="H808" s="3">
        <v>3</v>
      </c>
      <c r="I808" s="3">
        <v>4</v>
      </c>
    </row>
    <row r="809" spans="1:9" x14ac:dyDescent="0.25">
      <c r="A809" s="1" t="s">
        <v>819</v>
      </c>
      <c r="B809" s="2">
        <v>12</v>
      </c>
      <c r="C809" t="s">
        <v>13</v>
      </c>
      <c r="D809" s="2">
        <v>240</v>
      </c>
      <c r="E809">
        <v>50</v>
      </c>
      <c r="F809" s="3">
        <v>3</v>
      </c>
      <c r="G809" t="s">
        <v>187</v>
      </c>
      <c r="H809" s="3">
        <v>3</v>
      </c>
      <c r="I809" s="3">
        <v>3</v>
      </c>
    </row>
    <row r="810" spans="1:9" x14ac:dyDescent="0.25">
      <c r="A810" s="1" t="s">
        <v>820</v>
      </c>
      <c r="B810" s="2">
        <v>17</v>
      </c>
      <c r="C810" t="s">
        <v>13</v>
      </c>
      <c r="D810" s="2">
        <v>120</v>
      </c>
      <c r="E810">
        <v>50</v>
      </c>
      <c r="F810" s="3">
        <v>54</v>
      </c>
      <c r="G810" t="s">
        <v>187</v>
      </c>
      <c r="H810" s="3">
        <v>3</v>
      </c>
      <c r="I810" s="3">
        <v>4</v>
      </c>
    </row>
    <row r="811" spans="1:9" x14ac:dyDescent="0.25">
      <c r="A811" s="1" t="s">
        <v>821</v>
      </c>
      <c r="B811" s="2">
        <v>5</v>
      </c>
      <c r="C811" t="s">
        <v>27</v>
      </c>
      <c r="D811" s="2">
        <v>120</v>
      </c>
      <c r="E811">
        <v>10</v>
      </c>
      <c r="F811" s="3">
        <v>2.4</v>
      </c>
      <c r="G811" t="s">
        <v>187</v>
      </c>
      <c r="H811" s="3">
        <v>3</v>
      </c>
      <c r="I811" s="3">
        <v>4</v>
      </c>
    </row>
    <row r="812" spans="1:9" x14ac:dyDescent="0.25">
      <c r="A812" s="1" t="s">
        <v>822</v>
      </c>
      <c r="B812" s="2">
        <v>15</v>
      </c>
      <c r="C812" t="s">
        <v>13</v>
      </c>
      <c r="D812" s="2">
        <v>240</v>
      </c>
      <c r="E812">
        <v>30</v>
      </c>
      <c r="F812" s="3">
        <v>28.8</v>
      </c>
      <c r="G812">
        <v>166.66666666666666</v>
      </c>
      <c r="H812" s="3">
        <v>3</v>
      </c>
      <c r="I812" s="3">
        <v>4</v>
      </c>
    </row>
    <row r="813" spans="1:9" x14ac:dyDescent="0.25">
      <c r="A813" s="1" t="s">
        <v>823</v>
      </c>
      <c r="B813" s="2">
        <v>15</v>
      </c>
      <c r="C813" t="s">
        <v>22</v>
      </c>
      <c r="D813" s="2">
        <v>240</v>
      </c>
      <c r="E813">
        <v>30</v>
      </c>
      <c r="F813" s="3">
        <v>28.8</v>
      </c>
      <c r="G813">
        <v>166.66666666666666</v>
      </c>
      <c r="H813" s="3">
        <v>3</v>
      </c>
      <c r="I813" s="3">
        <v>4</v>
      </c>
    </row>
    <row r="814" spans="1:9" x14ac:dyDescent="0.25">
      <c r="A814" s="1" t="s">
        <v>824</v>
      </c>
      <c r="B814" s="2">
        <v>14</v>
      </c>
      <c r="C814" t="s">
        <v>13</v>
      </c>
      <c r="D814" s="2">
        <v>277</v>
      </c>
      <c r="E814">
        <v>30</v>
      </c>
      <c r="F814" s="3">
        <v>43.2</v>
      </c>
      <c r="G814">
        <v>2.3148148148148149</v>
      </c>
      <c r="H814" s="3">
        <v>3</v>
      </c>
      <c r="I814" s="3">
        <v>4</v>
      </c>
    </row>
    <row r="815" spans="1:9" x14ac:dyDescent="0.25">
      <c r="A815" s="1" t="s">
        <v>825</v>
      </c>
      <c r="B815" s="2">
        <v>14</v>
      </c>
      <c r="C815" t="s">
        <v>13</v>
      </c>
      <c r="D815" s="2">
        <v>277</v>
      </c>
      <c r="E815">
        <v>30</v>
      </c>
      <c r="F815" s="3">
        <v>21.6</v>
      </c>
      <c r="G815">
        <v>166.66666666666666</v>
      </c>
      <c r="H815" s="3">
        <v>3</v>
      </c>
      <c r="I815" s="3">
        <v>4</v>
      </c>
    </row>
    <row r="816" spans="1:9" x14ac:dyDescent="0.25">
      <c r="A816" s="1" t="s">
        <v>826</v>
      </c>
      <c r="B816" s="2">
        <v>14</v>
      </c>
      <c r="C816" t="s">
        <v>13</v>
      </c>
      <c r="D816" s="2">
        <v>277</v>
      </c>
      <c r="E816">
        <v>30</v>
      </c>
      <c r="F816" s="3">
        <v>43.2</v>
      </c>
      <c r="G816">
        <v>166.66666666666666</v>
      </c>
      <c r="H816" s="3">
        <v>3</v>
      </c>
      <c r="I816" s="3">
        <v>4</v>
      </c>
    </row>
    <row r="817" spans="1:9" x14ac:dyDescent="0.25">
      <c r="A817" s="1" t="s">
        <v>827</v>
      </c>
      <c r="B817" s="2">
        <v>14</v>
      </c>
      <c r="C817" t="s">
        <v>13</v>
      </c>
      <c r="D817" s="2">
        <v>277</v>
      </c>
      <c r="E817">
        <v>30</v>
      </c>
      <c r="F817" s="3">
        <v>43.2</v>
      </c>
      <c r="G817">
        <v>83.333333333333329</v>
      </c>
      <c r="H817" s="3">
        <v>3</v>
      </c>
      <c r="I817" s="3">
        <v>4</v>
      </c>
    </row>
    <row r="818" spans="1:9" x14ac:dyDescent="0.25">
      <c r="A818" s="1" t="s">
        <v>828</v>
      </c>
      <c r="B818" s="2">
        <v>14</v>
      </c>
      <c r="C818" t="s">
        <v>22</v>
      </c>
      <c r="D818" s="2">
        <v>277</v>
      </c>
      <c r="E818">
        <v>30</v>
      </c>
      <c r="F818" s="3">
        <v>43.2</v>
      </c>
      <c r="G818">
        <v>166.66666666666666</v>
      </c>
      <c r="H818" s="3">
        <v>3</v>
      </c>
      <c r="I818" s="3">
        <v>4</v>
      </c>
    </row>
    <row r="819" spans="1:9" x14ac:dyDescent="0.25">
      <c r="A819" s="1" t="s">
        <v>829</v>
      </c>
      <c r="B819" s="2">
        <v>14</v>
      </c>
      <c r="C819" t="s">
        <v>11</v>
      </c>
      <c r="D819" s="2">
        <v>120</v>
      </c>
      <c r="E819">
        <v>15</v>
      </c>
      <c r="F819" s="3">
        <v>10.8</v>
      </c>
      <c r="G819">
        <v>9.2592592592592595</v>
      </c>
      <c r="H819" s="3">
        <v>3</v>
      </c>
      <c r="I819" s="3">
        <v>4</v>
      </c>
    </row>
    <row r="820" spans="1:9" x14ac:dyDescent="0.25">
      <c r="A820" s="1" t="s">
        <v>830</v>
      </c>
      <c r="B820" s="2">
        <v>29</v>
      </c>
      <c r="C820" t="s">
        <v>13</v>
      </c>
      <c r="D820" s="2">
        <v>120</v>
      </c>
      <c r="E820">
        <v>2.5</v>
      </c>
      <c r="F820" s="3">
        <v>1.8</v>
      </c>
      <c r="G820">
        <v>55.555555555555557</v>
      </c>
      <c r="H820" s="3">
        <v>3</v>
      </c>
      <c r="I820" s="3">
        <v>4</v>
      </c>
    </row>
    <row r="821" spans="1:9" x14ac:dyDescent="0.25">
      <c r="A821" s="1" t="s">
        <v>831</v>
      </c>
      <c r="B821" s="2">
        <v>29</v>
      </c>
      <c r="C821" t="s">
        <v>13</v>
      </c>
      <c r="D821" s="2">
        <v>277</v>
      </c>
      <c r="E821">
        <v>2.5</v>
      </c>
      <c r="F821" s="3">
        <v>3.6</v>
      </c>
      <c r="G821">
        <v>27.777777777777779</v>
      </c>
      <c r="H821" s="3">
        <v>3</v>
      </c>
      <c r="I821" s="3">
        <v>4</v>
      </c>
    </row>
    <row r="822" spans="1:9" x14ac:dyDescent="0.25">
      <c r="A822" s="1" t="s">
        <v>832</v>
      </c>
      <c r="B822" s="2">
        <v>9</v>
      </c>
      <c r="C822" t="s">
        <v>22</v>
      </c>
      <c r="D822" s="2">
        <v>277</v>
      </c>
      <c r="E822">
        <v>2.5</v>
      </c>
      <c r="F822" s="3">
        <v>3.6</v>
      </c>
      <c r="G822">
        <v>27.777777777777779</v>
      </c>
      <c r="H822" s="3">
        <v>3</v>
      </c>
      <c r="I822" s="3">
        <v>4</v>
      </c>
    </row>
    <row r="823" spans="1:9" x14ac:dyDescent="0.25">
      <c r="A823" s="1" t="s">
        <v>833</v>
      </c>
      <c r="B823" s="2">
        <v>16</v>
      </c>
      <c r="C823" t="s">
        <v>13</v>
      </c>
      <c r="D823" s="2">
        <v>277</v>
      </c>
      <c r="E823">
        <v>15</v>
      </c>
      <c r="F823" s="3">
        <v>21.6</v>
      </c>
      <c r="G823">
        <v>4.6296296296296298</v>
      </c>
      <c r="H823" s="3">
        <v>3</v>
      </c>
      <c r="I823" s="3">
        <v>4</v>
      </c>
    </row>
    <row r="824" spans="1:9" x14ac:dyDescent="0.25">
      <c r="A824" s="1" t="s">
        <v>834</v>
      </c>
      <c r="B824" s="2">
        <v>14</v>
      </c>
      <c r="C824" t="s">
        <v>13</v>
      </c>
      <c r="D824" s="2">
        <v>120</v>
      </c>
      <c r="E824">
        <v>30</v>
      </c>
      <c r="F824" s="3">
        <v>21.6</v>
      </c>
      <c r="G824" t="s">
        <v>187</v>
      </c>
      <c r="H824" s="3">
        <v>3</v>
      </c>
      <c r="I824" s="3">
        <v>4</v>
      </c>
    </row>
    <row r="825" spans="1:9" x14ac:dyDescent="0.25">
      <c r="A825" s="1" t="s">
        <v>835</v>
      </c>
      <c r="B825" s="2">
        <v>2</v>
      </c>
      <c r="C825" t="s">
        <v>13</v>
      </c>
      <c r="D825" s="2">
        <v>240</v>
      </c>
      <c r="E825">
        <v>30</v>
      </c>
      <c r="F825" s="3">
        <v>14.4</v>
      </c>
      <c r="G825">
        <v>166.66666666666666</v>
      </c>
      <c r="H825" s="3">
        <v>1</v>
      </c>
      <c r="I825" s="3">
        <v>3</v>
      </c>
    </row>
    <row r="826" spans="1:9" x14ac:dyDescent="0.25">
      <c r="A826" s="1" t="s">
        <v>836</v>
      </c>
      <c r="B826" s="2">
        <v>14</v>
      </c>
      <c r="C826" t="s">
        <v>22</v>
      </c>
      <c r="D826" s="2">
        <v>120</v>
      </c>
      <c r="E826">
        <v>50</v>
      </c>
      <c r="F826" s="3">
        <v>18</v>
      </c>
      <c r="G826">
        <v>5.5555555555555554</v>
      </c>
      <c r="H826" s="3">
        <v>3</v>
      </c>
      <c r="I826" s="3">
        <v>4</v>
      </c>
    </row>
    <row r="827" spans="1:9" x14ac:dyDescent="0.25">
      <c r="A827" s="1" t="s">
        <v>837</v>
      </c>
      <c r="B827" s="2">
        <v>14</v>
      </c>
      <c r="C827" t="s">
        <v>13</v>
      </c>
      <c r="D827" s="2">
        <v>120</v>
      </c>
      <c r="E827">
        <v>50</v>
      </c>
      <c r="F827" s="3">
        <v>18</v>
      </c>
      <c r="G827">
        <v>166.66666666666666</v>
      </c>
      <c r="H827" s="3">
        <v>3</v>
      </c>
      <c r="I827" s="3">
        <v>4</v>
      </c>
    </row>
    <row r="828" spans="1:9" x14ac:dyDescent="0.25">
      <c r="A828" s="1" t="s">
        <v>838</v>
      </c>
      <c r="B828" s="2">
        <v>4</v>
      </c>
      <c r="C828" t="s">
        <v>13</v>
      </c>
      <c r="D828" s="2">
        <v>240</v>
      </c>
      <c r="E828">
        <v>2.5</v>
      </c>
      <c r="F828" s="3">
        <v>0.36</v>
      </c>
      <c r="G828">
        <v>277.77777777777777</v>
      </c>
      <c r="H828" s="3">
        <v>1</v>
      </c>
      <c r="I828" s="3">
        <v>3</v>
      </c>
    </row>
    <row r="829" spans="1:9" x14ac:dyDescent="0.25">
      <c r="A829" s="1" t="s">
        <v>839</v>
      </c>
      <c r="B829" s="2">
        <v>2</v>
      </c>
      <c r="C829" t="s">
        <v>13</v>
      </c>
      <c r="D829" s="2">
        <v>240</v>
      </c>
      <c r="E829">
        <v>30</v>
      </c>
      <c r="F829" s="3">
        <v>7.2</v>
      </c>
      <c r="G829">
        <v>277.77777777777777</v>
      </c>
      <c r="H829" s="3">
        <v>1</v>
      </c>
      <c r="I829" s="3">
        <v>3</v>
      </c>
    </row>
    <row r="830" spans="1:9" x14ac:dyDescent="0.25">
      <c r="A830" s="1" t="s">
        <v>840</v>
      </c>
      <c r="B830" s="2">
        <v>3</v>
      </c>
      <c r="C830" t="s">
        <v>13</v>
      </c>
      <c r="D830" s="2">
        <v>120</v>
      </c>
      <c r="E830">
        <v>2.5</v>
      </c>
      <c r="F830" s="3">
        <v>0.6</v>
      </c>
      <c r="G830">
        <v>166.66666666666666</v>
      </c>
      <c r="H830" s="3">
        <v>1</v>
      </c>
      <c r="I830" s="3">
        <v>2</v>
      </c>
    </row>
    <row r="831" spans="1:9" x14ac:dyDescent="0.25">
      <c r="A831" s="1" t="s">
        <v>841</v>
      </c>
      <c r="B831" s="2">
        <v>12</v>
      </c>
      <c r="C831" t="s">
        <v>13</v>
      </c>
      <c r="D831" s="2">
        <v>120</v>
      </c>
      <c r="E831">
        <v>15</v>
      </c>
      <c r="F831" s="3">
        <v>7.2</v>
      </c>
      <c r="G831">
        <v>138.88888888888889</v>
      </c>
      <c r="H831" s="3">
        <v>3</v>
      </c>
      <c r="I831" s="3">
        <v>3</v>
      </c>
    </row>
    <row r="832" spans="1:9" x14ac:dyDescent="0.25">
      <c r="A832" s="1" t="s">
        <v>842</v>
      </c>
      <c r="B832" s="2">
        <v>16</v>
      </c>
      <c r="C832" t="s">
        <v>13</v>
      </c>
      <c r="D832" s="2">
        <v>277</v>
      </c>
      <c r="E832">
        <v>30</v>
      </c>
      <c r="F832" s="3">
        <v>43.2</v>
      </c>
      <c r="G832">
        <v>23.148148148148149</v>
      </c>
      <c r="H832" s="3">
        <v>3</v>
      </c>
      <c r="I832" s="3">
        <v>4</v>
      </c>
    </row>
    <row r="833" spans="1:9" x14ac:dyDescent="0.25">
      <c r="A833" s="1" t="s">
        <v>843</v>
      </c>
      <c r="B833" s="2">
        <v>1</v>
      </c>
      <c r="C833" t="s">
        <v>13</v>
      </c>
      <c r="D833" s="2">
        <v>120</v>
      </c>
      <c r="E833">
        <v>15</v>
      </c>
      <c r="F833" s="3">
        <v>3.6</v>
      </c>
      <c r="G833">
        <v>55.555555555555557</v>
      </c>
      <c r="H833" s="3">
        <v>1</v>
      </c>
      <c r="I833" s="3">
        <v>2</v>
      </c>
    </row>
    <row r="834" spans="1:9" x14ac:dyDescent="0.25">
      <c r="A834" s="1" t="s">
        <v>844</v>
      </c>
      <c r="B834" s="2">
        <v>12</v>
      </c>
      <c r="C834" t="s">
        <v>13</v>
      </c>
      <c r="D834" s="2">
        <v>120</v>
      </c>
      <c r="E834">
        <v>15</v>
      </c>
      <c r="F834" s="3">
        <v>7.2</v>
      </c>
      <c r="G834">
        <v>277.77777777777777</v>
      </c>
      <c r="H834" s="3">
        <v>3</v>
      </c>
      <c r="I834" s="3">
        <v>3</v>
      </c>
    </row>
    <row r="835" spans="1:9" x14ac:dyDescent="0.25">
      <c r="A835" s="1" t="s">
        <v>845</v>
      </c>
      <c r="B835" s="2">
        <v>2</v>
      </c>
      <c r="C835" t="s">
        <v>13</v>
      </c>
      <c r="D835" s="2">
        <v>240</v>
      </c>
      <c r="E835">
        <v>30</v>
      </c>
      <c r="F835" s="3">
        <v>12</v>
      </c>
      <c r="G835">
        <v>83.333333333333329</v>
      </c>
      <c r="H835" s="3">
        <v>1</v>
      </c>
      <c r="I835" s="3">
        <v>3</v>
      </c>
    </row>
    <row r="836" spans="1:9" x14ac:dyDescent="0.25">
      <c r="A836" s="1" t="s">
        <v>846</v>
      </c>
      <c r="B836" s="2">
        <v>2</v>
      </c>
      <c r="C836" t="s">
        <v>13</v>
      </c>
      <c r="D836" s="2">
        <v>240</v>
      </c>
      <c r="E836">
        <v>15</v>
      </c>
      <c r="F836" s="3">
        <v>3.6</v>
      </c>
      <c r="G836">
        <v>277.77777777777777</v>
      </c>
      <c r="H836" s="3">
        <v>1</v>
      </c>
      <c r="I836" s="3">
        <v>3</v>
      </c>
    </row>
    <row r="837" spans="1:9" x14ac:dyDescent="0.25">
      <c r="A837" s="1" t="s">
        <v>847</v>
      </c>
      <c r="B837" s="2">
        <v>13</v>
      </c>
      <c r="C837" t="s">
        <v>22</v>
      </c>
      <c r="D837" s="2">
        <v>480</v>
      </c>
      <c r="E837">
        <v>30</v>
      </c>
      <c r="F837" s="3">
        <v>57.6</v>
      </c>
      <c r="G837">
        <v>34.722222222222221</v>
      </c>
      <c r="H837" s="3">
        <v>3</v>
      </c>
      <c r="I837" s="3">
        <v>3</v>
      </c>
    </row>
    <row r="838" spans="1:9" x14ac:dyDescent="0.25">
      <c r="A838" s="1" t="s">
        <v>848</v>
      </c>
      <c r="B838" s="2">
        <v>6</v>
      </c>
      <c r="C838" t="s">
        <v>22</v>
      </c>
      <c r="D838" s="2">
        <v>120</v>
      </c>
      <c r="E838">
        <v>10</v>
      </c>
      <c r="F838" s="3">
        <v>3.6</v>
      </c>
      <c r="G838" t="s">
        <v>187</v>
      </c>
      <c r="H838" s="3">
        <v>3</v>
      </c>
      <c r="I838" s="3">
        <v>4</v>
      </c>
    </row>
    <row r="839" spans="1:9" x14ac:dyDescent="0.25">
      <c r="A839" s="1" t="s">
        <v>849</v>
      </c>
      <c r="B839" s="2">
        <v>9</v>
      </c>
      <c r="C839" t="s">
        <v>22</v>
      </c>
      <c r="D839" s="2">
        <v>120</v>
      </c>
      <c r="E839">
        <v>5</v>
      </c>
      <c r="F839" s="3">
        <v>1.8</v>
      </c>
      <c r="G839" t="s">
        <v>187</v>
      </c>
      <c r="H839" s="3">
        <v>3</v>
      </c>
      <c r="I839" s="3">
        <v>4</v>
      </c>
    </row>
    <row r="840" spans="1:9" x14ac:dyDescent="0.25">
      <c r="A840" s="1" t="s">
        <v>850</v>
      </c>
      <c r="B840" s="2">
        <v>9</v>
      </c>
      <c r="C840" t="s">
        <v>22</v>
      </c>
      <c r="D840" s="2">
        <v>120</v>
      </c>
      <c r="E840">
        <v>10</v>
      </c>
      <c r="F840" s="3">
        <v>3.6</v>
      </c>
      <c r="G840" t="s">
        <v>187</v>
      </c>
      <c r="H840" s="3">
        <v>3</v>
      </c>
      <c r="I840" s="3">
        <v>4</v>
      </c>
    </row>
    <row r="841" spans="1:9" x14ac:dyDescent="0.25">
      <c r="A841" s="1" t="s">
        <v>851</v>
      </c>
      <c r="B841" s="2">
        <v>9</v>
      </c>
      <c r="C841" t="s">
        <v>13</v>
      </c>
      <c r="D841" s="2">
        <v>120</v>
      </c>
      <c r="E841">
        <v>10</v>
      </c>
      <c r="F841" s="3">
        <v>3.6</v>
      </c>
      <c r="G841" t="s">
        <v>187</v>
      </c>
      <c r="H841" s="3">
        <v>3</v>
      </c>
      <c r="I841" s="3">
        <v>4</v>
      </c>
    </row>
    <row r="842" spans="1:9" x14ac:dyDescent="0.25">
      <c r="A842" s="1" t="s">
        <v>852</v>
      </c>
      <c r="B842" s="2">
        <v>9</v>
      </c>
      <c r="C842" t="s">
        <v>27</v>
      </c>
      <c r="D842" s="2">
        <v>120</v>
      </c>
      <c r="E842">
        <v>5</v>
      </c>
      <c r="F842" s="3">
        <v>1.8</v>
      </c>
      <c r="G842" t="s">
        <v>187</v>
      </c>
      <c r="H842" s="3">
        <v>3</v>
      </c>
      <c r="I842" s="3">
        <v>4</v>
      </c>
    </row>
    <row r="843" spans="1:9" x14ac:dyDescent="0.25">
      <c r="A843" s="1" t="s">
        <v>853</v>
      </c>
      <c r="B843" s="2">
        <v>9</v>
      </c>
      <c r="C843" t="s">
        <v>27</v>
      </c>
      <c r="D843" s="2">
        <v>120</v>
      </c>
      <c r="E843">
        <v>10</v>
      </c>
      <c r="F843" s="3">
        <v>3.6</v>
      </c>
      <c r="G843" t="s">
        <v>187</v>
      </c>
      <c r="H843" s="3">
        <v>3</v>
      </c>
      <c r="I843" s="3">
        <v>4</v>
      </c>
    </row>
    <row r="844" spans="1:9" x14ac:dyDescent="0.25">
      <c r="A844" s="1" t="s">
        <v>854</v>
      </c>
      <c r="B844" s="2">
        <v>5</v>
      </c>
      <c r="C844" t="s">
        <v>22</v>
      </c>
      <c r="D844" s="2">
        <v>120</v>
      </c>
      <c r="E844">
        <v>5</v>
      </c>
      <c r="F844" s="3">
        <v>1.2</v>
      </c>
      <c r="G844" t="s">
        <v>187</v>
      </c>
      <c r="H844" s="3">
        <v>3</v>
      </c>
      <c r="I844" s="3">
        <v>4</v>
      </c>
    </row>
    <row r="845" spans="1:9" x14ac:dyDescent="0.25">
      <c r="A845" s="1" t="s">
        <v>855</v>
      </c>
      <c r="B845" s="2">
        <v>5</v>
      </c>
      <c r="C845" t="s">
        <v>22</v>
      </c>
      <c r="D845" s="2">
        <v>120</v>
      </c>
      <c r="E845">
        <v>10</v>
      </c>
      <c r="F845" s="3">
        <v>2.4</v>
      </c>
      <c r="G845" t="s">
        <v>187</v>
      </c>
      <c r="H845" s="3">
        <v>3</v>
      </c>
      <c r="I845" s="3">
        <v>4</v>
      </c>
    </row>
    <row r="846" spans="1:9" x14ac:dyDescent="0.25">
      <c r="A846" s="1" t="s">
        <v>856</v>
      </c>
      <c r="B846" s="2">
        <v>5</v>
      </c>
      <c r="C846" t="s">
        <v>27</v>
      </c>
      <c r="D846" s="2">
        <v>120</v>
      </c>
      <c r="E846">
        <v>5</v>
      </c>
      <c r="F846" s="3">
        <v>1.2</v>
      </c>
      <c r="G846" t="s">
        <v>187</v>
      </c>
      <c r="H846" s="3">
        <v>3</v>
      </c>
      <c r="I846" s="3">
        <v>4</v>
      </c>
    </row>
    <row r="847" spans="1:9" x14ac:dyDescent="0.25">
      <c r="A847" s="1" t="s">
        <v>857</v>
      </c>
      <c r="B847" s="2">
        <v>14</v>
      </c>
      <c r="C847" t="s">
        <v>13</v>
      </c>
      <c r="D847" s="2">
        <v>277</v>
      </c>
      <c r="E847">
        <v>45</v>
      </c>
      <c r="F847" s="3">
        <v>54</v>
      </c>
      <c r="G847" t="s">
        <v>187</v>
      </c>
      <c r="H847" s="3">
        <v>3</v>
      </c>
      <c r="I847" s="3">
        <v>4</v>
      </c>
    </row>
    <row r="848" spans="1:9" x14ac:dyDescent="0.25">
      <c r="A848" s="1" t="s">
        <v>858</v>
      </c>
      <c r="B848" s="2">
        <v>3</v>
      </c>
      <c r="C848" t="s">
        <v>22</v>
      </c>
      <c r="D848" s="2">
        <v>120</v>
      </c>
      <c r="E848">
        <v>2.5</v>
      </c>
      <c r="F848" s="3">
        <v>0.3</v>
      </c>
      <c r="G848">
        <v>166.66666666666666</v>
      </c>
      <c r="H848" s="3">
        <v>1</v>
      </c>
      <c r="I848" s="3">
        <v>2</v>
      </c>
    </row>
    <row r="849" spans="1:9" x14ac:dyDescent="0.25">
      <c r="A849" s="1" t="s">
        <v>859</v>
      </c>
      <c r="B849" s="2">
        <v>3</v>
      </c>
      <c r="C849" t="s">
        <v>22</v>
      </c>
      <c r="D849" s="2">
        <v>240</v>
      </c>
      <c r="E849">
        <v>2.5</v>
      </c>
      <c r="F849" s="3">
        <v>0.6</v>
      </c>
      <c r="G849">
        <v>166.66666666666666</v>
      </c>
      <c r="H849" s="3">
        <v>1</v>
      </c>
      <c r="I849" s="3">
        <v>2</v>
      </c>
    </row>
    <row r="850" spans="1:9" x14ac:dyDescent="0.25">
      <c r="A850" s="1" t="s">
        <v>860</v>
      </c>
      <c r="B850" s="2">
        <v>0</v>
      </c>
      <c r="C850" t="s">
        <v>22</v>
      </c>
      <c r="D850" s="2">
        <v>277</v>
      </c>
      <c r="E850">
        <v>5</v>
      </c>
      <c r="F850" s="3">
        <v>0</v>
      </c>
      <c r="G850" t="s">
        <v>187</v>
      </c>
      <c r="H850" s="3">
        <v>3</v>
      </c>
      <c r="I850" s="3">
        <v>4</v>
      </c>
    </row>
    <row r="851" spans="1:9" x14ac:dyDescent="0.25">
      <c r="A851" s="1" t="s">
        <v>861</v>
      </c>
      <c r="B851" s="2">
        <v>0</v>
      </c>
      <c r="C851" t="s">
        <v>27</v>
      </c>
      <c r="D851" s="2">
        <v>120</v>
      </c>
      <c r="E851">
        <v>5</v>
      </c>
      <c r="F851" s="3">
        <v>0</v>
      </c>
      <c r="G851" t="s">
        <v>187</v>
      </c>
      <c r="H851" s="3">
        <v>3</v>
      </c>
      <c r="I851" s="3">
        <v>3</v>
      </c>
    </row>
    <row r="852" spans="1:9" x14ac:dyDescent="0.25">
      <c r="A852" s="1" t="s">
        <v>862</v>
      </c>
      <c r="B852" s="2">
        <v>9</v>
      </c>
      <c r="C852" t="s">
        <v>22</v>
      </c>
      <c r="D852" s="2">
        <v>120</v>
      </c>
      <c r="E852">
        <v>5</v>
      </c>
      <c r="F852" s="3">
        <v>0</v>
      </c>
      <c r="G852" t="s">
        <v>187</v>
      </c>
      <c r="H852" s="3">
        <v>3</v>
      </c>
      <c r="I852" s="3">
        <v>4</v>
      </c>
    </row>
    <row r="853" spans="1:9" x14ac:dyDescent="0.25">
      <c r="A853" s="1" t="s">
        <v>863</v>
      </c>
      <c r="B853" s="2">
        <v>9</v>
      </c>
      <c r="C853" t="s">
        <v>13</v>
      </c>
      <c r="D853" s="2">
        <v>120</v>
      </c>
      <c r="E853">
        <v>2.5</v>
      </c>
      <c r="F853" s="3">
        <v>0.9</v>
      </c>
      <c r="G853" t="s">
        <v>187</v>
      </c>
      <c r="H853" s="3">
        <v>3</v>
      </c>
      <c r="I853" s="3">
        <v>4</v>
      </c>
    </row>
    <row r="854" spans="1:9" x14ac:dyDescent="0.25">
      <c r="A854" s="1" t="s">
        <v>864</v>
      </c>
      <c r="B854" s="2">
        <v>12</v>
      </c>
      <c r="C854" t="s">
        <v>13</v>
      </c>
      <c r="D854" s="2">
        <v>240</v>
      </c>
      <c r="E854">
        <v>30</v>
      </c>
      <c r="F854" s="3">
        <v>28.8</v>
      </c>
      <c r="G854" t="s">
        <v>187</v>
      </c>
      <c r="H854" s="3">
        <v>3</v>
      </c>
      <c r="I854" s="3">
        <v>3</v>
      </c>
    </row>
    <row r="855" spans="1:9" x14ac:dyDescent="0.25">
      <c r="A855" s="1" t="s">
        <v>865</v>
      </c>
      <c r="B855" s="2">
        <v>1</v>
      </c>
      <c r="C855" t="s">
        <v>22</v>
      </c>
      <c r="D855" s="2">
        <v>120</v>
      </c>
      <c r="E855">
        <v>15</v>
      </c>
      <c r="F855" s="3">
        <v>1.8</v>
      </c>
      <c r="G855">
        <v>55.555555555555557</v>
      </c>
      <c r="H855" s="3">
        <v>1</v>
      </c>
      <c r="I855" s="3">
        <v>2</v>
      </c>
    </row>
    <row r="856" spans="1:9" x14ac:dyDescent="0.25">
      <c r="A856" s="1" t="s">
        <v>866</v>
      </c>
      <c r="B856" s="2">
        <v>1</v>
      </c>
      <c r="C856" t="s">
        <v>22</v>
      </c>
      <c r="D856" s="2">
        <v>120</v>
      </c>
      <c r="E856">
        <v>15</v>
      </c>
      <c r="F856" s="3">
        <v>1.8</v>
      </c>
      <c r="G856">
        <v>111.11111111111111</v>
      </c>
      <c r="H856" s="3">
        <v>1</v>
      </c>
      <c r="I856" s="3">
        <v>2</v>
      </c>
    </row>
    <row r="857" spans="1:9" x14ac:dyDescent="0.25">
      <c r="A857" s="1" t="s">
        <v>867</v>
      </c>
      <c r="B857" s="2">
        <v>4</v>
      </c>
      <c r="C857" t="s">
        <v>13</v>
      </c>
      <c r="D857" s="2">
        <v>240</v>
      </c>
      <c r="E857">
        <v>2.5</v>
      </c>
      <c r="F857" s="3">
        <v>0.6</v>
      </c>
      <c r="G857" t="s">
        <v>187</v>
      </c>
      <c r="H857" s="3">
        <v>1</v>
      </c>
      <c r="I857" s="3">
        <v>3</v>
      </c>
    </row>
    <row r="858" spans="1:9" x14ac:dyDescent="0.25">
      <c r="A858" s="1" t="s">
        <v>868</v>
      </c>
      <c r="B858" s="2">
        <v>2</v>
      </c>
      <c r="C858" t="s">
        <v>22</v>
      </c>
      <c r="D858" s="2">
        <v>120</v>
      </c>
      <c r="E858">
        <v>5</v>
      </c>
      <c r="F858" s="3">
        <v>0</v>
      </c>
      <c r="G858" t="s">
        <v>187</v>
      </c>
      <c r="H858" s="3">
        <v>1</v>
      </c>
      <c r="I858" s="3">
        <v>3</v>
      </c>
    </row>
    <row r="859" spans="1:9" x14ac:dyDescent="0.25">
      <c r="A859" s="1" t="s">
        <v>869</v>
      </c>
      <c r="B859" s="2">
        <v>1</v>
      </c>
      <c r="C859" t="s">
        <v>22</v>
      </c>
      <c r="D859" s="2">
        <v>120</v>
      </c>
      <c r="E859">
        <v>30</v>
      </c>
      <c r="F859" s="3">
        <v>3.6</v>
      </c>
      <c r="G859">
        <v>13.888888888888889</v>
      </c>
      <c r="H859" s="3">
        <v>1</v>
      </c>
      <c r="I859" s="3">
        <v>2</v>
      </c>
    </row>
    <row r="860" spans="1:9" x14ac:dyDescent="0.25">
      <c r="A860" s="1" t="s">
        <v>870</v>
      </c>
      <c r="B860" s="2">
        <v>1</v>
      </c>
      <c r="C860" t="s">
        <v>22</v>
      </c>
      <c r="D860" s="2">
        <v>120</v>
      </c>
      <c r="E860">
        <v>30</v>
      </c>
      <c r="F860" s="3">
        <v>7.2</v>
      </c>
      <c r="G860">
        <v>13.888888888888889</v>
      </c>
      <c r="H860" s="3">
        <v>1</v>
      </c>
      <c r="I860" s="3">
        <v>2</v>
      </c>
    </row>
    <row r="861" spans="1:9" x14ac:dyDescent="0.25">
      <c r="A861" s="1" t="s">
        <v>871</v>
      </c>
      <c r="B861" s="2">
        <v>1</v>
      </c>
      <c r="C861" t="s">
        <v>22</v>
      </c>
      <c r="D861" s="2">
        <v>120</v>
      </c>
      <c r="E861">
        <v>15</v>
      </c>
      <c r="F861" s="3">
        <v>1.8</v>
      </c>
      <c r="G861">
        <v>166.66666666666666</v>
      </c>
      <c r="H861" s="3">
        <v>1</v>
      </c>
      <c r="I861" s="3">
        <v>2</v>
      </c>
    </row>
    <row r="862" spans="1:9" x14ac:dyDescent="0.25">
      <c r="A862" s="1" t="s">
        <v>872</v>
      </c>
      <c r="B862" s="2">
        <v>14</v>
      </c>
      <c r="C862" t="s">
        <v>22</v>
      </c>
      <c r="D862" s="2">
        <v>120</v>
      </c>
      <c r="E862">
        <v>5</v>
      </c>
      <c r="F862" s="3">
        <v>0</v>
      </c>
      <c r="G862" t="s">
        <v>187</v>
      </c>
      <c r="H862" s="3">
        <v>3</v>
      </c>
      <c r="I862" s="3">
        <v>4</v>
      </c>
    </row>
    <row r="863" spans="1:9" x14ac:dyDescent="0.25">
      <c r="A863" s="1" t="s">
        <v>873</v>
      </c>
      <c r="B863" s="2">
        <v>0</v>
      </c>
      <c r="C863" t="s">
        <v>22</v>
      </c>
      <c r="D863" s="2">
        <v>120</v>
      </c>
      <c r="E863">
        <v>2.5</v>
      </c>
      <c r="F863" s="3">
        <v>2.4</v>
      </c>
      <c r="G863">
        <v>83.333333333333329</v>
      </c>
      <c r="H863" s="3">
        <v>3</v>
      </c>
      <c r="I863" s="3">
        <v>3</v>
      </c>
    </row>
    <row r="864" spans="1:9" x14ac:dyDescent="0.25">
      <c r="A864" s="1" t="s">
        <v>874</v>
      </c>
      <c r="B864" s="2">
        <v>0</v>
      </c>
      <c r="C864" t="s">
        <v>22</v>
      </c>
      <c r="D864" s="2">
        <v>240</v>
      </c>
      <c r="E864">
        <v>2.5</v>
      </c>
      <c r="F864" s="3">
        <v>4.8</v>
      </c>
      <c r="G864">
        <v>41.666666666666664</v>
      </c>
      <c r="H864" s="3">
        <v>3</v>
      </c>
      <c r="I864" s="3">
        <v>3</v>
      </c>
    </row>
    <row r="865" spans="1:9" x14ac:dyDescent="0.25">
      <c r="A865" s="1" t="s">
        <v>6</v>
      </c>
      <c r="B865" s="2">
        <v>1</v>
      </c>
      <c r="C865" t="s">
        <v>13</v>
      </c>
      <c r="D865" s="2">
        <v>120</v>
      </c>
      <c r="E865">
        <v>2.5</v>
      </c>
      <c r="F865" s="3">
        <v>1.2</v>
      </c>
      <c r="G865">
        <v>83.333333333333329</v>
      </c>
      <c r="H865" s="3">
        <v>1</v>
      </c>
      <c r="I865" s="3">
        <v>2</v>
      </c>
    </row>
    <row r="866" spans="1:9" x14ac:dyDescent="0.25">
      <c r="A866" s="1" t="s">
        <v>875</v>
      </c>
      <c r="B866" s="2">
        <v>1</v>
      </c>
      <c r="C866" t="s">
        <v>13</v>
      </c>
      <c r="D866" s="2">
        <v>120</v>
      </c>
      <c r="E866">
        <v>15</v>
      </c>
      <c r="F866" s="3">
        <v>1.8</v>
      </c>
      <c r="G866">
        <v>166.66666666666666</v>
      </c>
      <c r="H866" s="3">
        <v>1</v>
      </c>
      <c r="I866" s="3">
        <v>2</v>
      </c>
    </row>
    <row r="867" spans="1:9" x14ac:dyDescent="0.25">
      <c r="A867" s="1" t="s">
        <v>876</v>
      </c>
      <c r="B867" s="2">
        <v>0</v>
      </c>
      <c r="C867" t="s">
        <v>22</v>
      </c>
      <c r="D867" s="2">
        <v>480</v>
      </c>
      <c r="E867">
        <v>2.5</v>
      </c>
      <c r="F867" s="3">
        <v>9.6</v>
      </c>
      <c r="G867">
        <v>20.833333333333332</v>
      </c>
      <c r="H867" s="3">
        <v>3</v>
      </c>
      <c r="I867" s="3">
        <v>3</v>
      </c>
    </row>
    <row r="868" spans="1:9" x14ac:dyDescent="0.25">
      <c r="A868" s="1" t="s">
        <v>877</v>
      </c>
      <c r="B868" s="2">
        <v>0</v>
      </c>
      <c r="C868" t="s">
        <v>22</v>
      </c>
      <c r="D868" s="2">
        <v>120</v>
      </c>
      <c r="E868">
        <v>2.5</v>
      </c>
      <c r="F868" s="3">
        <v>3.6</v>
      </c>
      <c r="G868">
        <v>55.555555555555557</v>
      </c>
      <c r="H868" s="3">
        <v>3</v>
      </c>
      <c r="I868" s="3">
        <v>4</v>
      </c>
    </row>
    <row r="869" spans="1:9" x14ac:dyDescent="0.25">
      <c r="A869" s="1" t="s">
        <v>878</v>
      </c>
      <c r="B869" s="2">
        <v>2</v>
      </c>
      <c r="C869" t="s">
        <v>22</v>
      </c>
      <c r="D869" s="2">
        <v>240</v>
      </c>
      <c r="E869">
        <v>15</v>
      </c>
      <c r="F869" s="3">
        <v>3.6</v>
      </c>
      <c r="G869">
        <v>55.555555555555557</v>
      </c>
      <c r="H869" s="3">
        <v>1</v>
      </c>
      <c r="I869" s="3">
        <v>3</v>
      </c>
    </row>
    <row r="870" spans="1:9" x14ac:dyDescent="0.25">
      <c r="A870" s="1" t="s">
        <v>879</v>
      </c>
      <c r="B870" s="2">
        <v>2</v>
      </c>
      <c r="C870" t="s">
        <v>22</v>
      </c>
      <c r="D870" s="2">
        <v>240</v>
      </c>
      <c r="E870">
        <v>15</v>
      </c>
      <c r="F870" s="3">
        <v>3.6</v>
      </c>
      <c r="G870">
        <v>27.777777777777779</v>
      </c>
      <c r="H870" s="3">
        <v>1</v>
      </c>
      <c r="I870" s="3">
        <v>3</v>
      </c>
    </row>
    <row r="871" spans="1:9" x14ac:dyDescent="0.25">
      <c r="A871" s="1" t="s">
        <v>880</v>
      </c>
      <c r="B871" s="2">
        <v>2</v>
      </c>
      <c r="C871" t="s">
        <v>22</v>
      </c>
      <c r="D871" s="2">
        <v>240</v>
      </c>
      <c r="E871">
        <v>50</v>
      </c>
      <c r="F871" s="3">
        <v>12</v>
      </c>
      <c r="G871">
        <v>83.333333333333329</v>
      </c>
      <c r="H871" s="3">
        <v>1</v>
      </c>
      <c r="I871" s="3">
        <v>3</v>
      </c>
    </row>
    <row r="872" spans="1:9" x14ac:dyDescent="0.25">
      <c r="A872" s="1" t="s">
        <v>881</v>
      </c>
      <c r="B872" s="2">
        <v>0</v>
      </c>
      <c r="C872" t="s">
        <v>22</v>
      </c>
      <c r="D872" s="2">
        <v>277</v>
      </c>
      <c r="E872">
        <v>2.5</v>
      </c>
      <c r="F872" s="3">
        <v>7.2</v>
      </c>
      <c r="G872">
        <v>27.777777777777779</v>
      </c>
      <c r="H872" s="3">
        <v>3</v>
      </c>
      <c r="I872" s="3">
        <v>4</v>
      </c>
    </row>
    <row r="873" spans="1:9" x14ac:dyDescent="0.25">
      <c r="A873" s="1" t="s">
        <v>882</v>
      </c>
      <c r="B873" s="2">
        <v>35</v>
      </c>
      <c r="C873" s="2" t="s">
        <v>13</v>
      </c>
      <c r="D873" s="2">
        <v>120</v>
      </c>
      <c r="E873">
        <v>2.5</v>
      </c>
      <c r="F873" s="3">
        <v>0.25</v>
      </c>
      <c r="H873" s="3">
        <v>3</v>
      </c>
      <c r="I873" s="3">
        <v>3</v>
      </c>
    </row>
    <row r="874" spans="1:9" x14ac:dyDescent="0.25">
      <c r="A874" s="1" t="s">
        <v>883</v>
      </c>
      <c r="B874" s="2">
        <v>6</v>
      </c>
      <c r="C874" t="s">
        <v>13</v>
      </c>
      <c r="D874" s="2">
        <v>120</v>
      </c>
      <c r="E874">
        <v>5</v>
      </c>
      <c r="F874" s="3">
        <v>0</v>
      </c>
      <c r="G874" t="s">
        <v>187</v>
      </c>
      <c r="H874" s="3">
        <v>3</v>
      </c>
      <c r="I874" s="3">
        <v>4</v>
      </c>
    </row>
    <row r="875" spans="1:9" x14ac:dyDescent="0.25">
      <c r="A875" s="1" t="s">
        <v>884</v>
      </c>
      <c r="B875" s="2">
        <v>15</v>
      </c>
      <c r="C875" t="s">
        <v>13</v>
      </c>
      <c r="D875" s="2">
        <v>480</v>
      </c>
      <c r="E875">
        <v>30</v>
      </c>
      <c r="F875" s="3">
        <v>57.6</v>
      </c>
      <c r="G875">
        <v>17.8125</v>
      </c>
      <c r="H875" s="3">
        <v>3</v>
      </c>
      <c r="I875" s="3">
        <v>4</v>
      </c>
    </row>
    <row r="876" spans="1:9" x14ac:dyDescent="0.25">
      <c r="A876" s="1" t="s">
        <v>885</v>
      </c>
      <c r="B876" s="2">
        <v>9</v>
      </c>
      <c r="C876" t="s">
        <v>22</v>
      </c>
      <c r="D876" s="2">
        <v>277</v>
      </c>
      <c r="E876">
        <v>10</v>
      </c>
      <c r="F876" s="3">
        <v>0</v>
      </c>
      <c r="G876" t="s">
        <v>187</v>
      </c>
      <c r="H876" s="3">
        <v>3</v>
      </c>
      <c r="I876" s="3">
        <v>4</v>
      </c>
    </row>
    <row r="877" spans="1:9" x14ac:dyDescent="0.25">
      <c r="A877" s="1" t="s">
        <v>886</v>
      </c>
      <c r="B877" s="2">
        <v>10</v>
      </c>
      <c r="C877" t="s">
        <v>13</v>
      </c>
      <c r="D877" s="2">
        <v>120</v>
      </c>
      <c r="E877">
        <v>5</v>
      </c>
      <c r="F877" s="3">
        <v>1.8</v>
      </c>
      <c r="G877">
        <v>111.11111111111111</v>
      </c>
      <c r="H877" s="3">
        <v>3</v>
      </c>
      <c r="I877" s="3">
        <v>4</v>
      </c>
    </row>
    <row r="878" spans="1:9" x14ac:dyDescent="0.25">
      <c r="A878" s="1" t="s">
        <v>887</v>
      </c>
      <c r="B878" s="2">
        <v>13</v>
      </c>
      <c r="C878" t="s">
        <v>13</v>
      </c>
      <c r="D878" s="2">
        <v>120</v>
      </c>
      <c r="E878">
        <v>30</v>
      </c>
      <c r="F878" s="3">
        <v>7.2</v>
      </c>
      <c r="G878" t="s">
        <v>187</v>
      </c>
      <c r="H878" s="3">
        <v>3</v>
      </c>
      <c r="I878" s="3">
        <v>3</v>
      </c>
    </row>
    <row r="879" spans="1:9" x14ac:dyDescent="0.25">
      <c r="A879" s="1" t="s">
        <v>888</v>
      </c>
      <c r="B879" s="2">
        <v>13</v>
      </c>
      <c r="C879" t="s">
        <v>13</v>
      </c>
      <c r="D879" s="2">
        <v>120</v>
      </c>
      <c r="E879">
        <v>30</v>
      </c>
      <c r="F879" s="3">
        <v>14.4</v>
      </c>
      <c r="G879" t="s">
        <v>187</v>
      </c>
      <c r="H879" s="3">
        <v>3</v>
      </c>
      <c r="I879" s="3">
        <v>3</v>
      </c>
    </row>
    <row r="880" spans="1:9" x14ac:dyDescent="0.25">
      <c r="A880" s="1" t="s">
        <v>889</v>
      </c>
      <c r="B880" s="2">
        <v>9</v>
      </c>
      <c r="C880" t="s">
        <v>22</v>
      </c>
      <c r="D880" s="2">
        <v>69</v>
      </c>
      <c r="E880">
        <v>2.5</v>
      </c>
      <c r="F880" s="3">
        <v>1.8</v>
      </c>
      <c r="G880" t="s">
        <v>187</v>
      </c>
      <c r="H880" s="3">
        <v>3</v>
      </c>
      <c r="I880" s="3">
        <v>4</v>
      </c>
    </row>
    <row r="881" spans="1:9" x14ac:dyDescent="0.25">
      <c r="A881" s="1" t="s">
        <v>890</v>
      </c>
      <c r="B881" s="2">
        <v>9</v>
      </c>
      <c r="C881" t="s">
        <v>22</v>
      </c>
      <c r="D881" s="2">
        <v>0</v>
      </c>
      <c r="E881">
        <v>0</v>
      </c>
      <c r="F881" s="3">
        <v>0</v>
      </c>
      <c r="G881" t="s">
        <v>187</v>
      </c>
      <c r="H881" s="3">
        <v>3</v>
      </c>
      <c r="I881" s="3">
        <v>4</v>
      </c>
    </row>
    <row r="882" spans="1:9" x14ac:dyDescent="0.25">
      <c r="A882" s="1" t="s">
        <v>891</v>
      </c>
      <c r="B882" s="2">
        <v>16</v>
      </c>
      <c r="C882" t="s">
        <v>271</v>
      </c>
      <c r="D882" s="2">
        <v>0</v>
      </c>
      <c r="E882">
        <v>0</v>
      </c>
      <c r="F882" s="3">
        <v>0</v>
      </c>
      <c r="G882" t="s">
        <v>187</v>
      </c>
      <c r="H882" s="3">
        <v>3</v>
      </c>
      <c r="I882" s="3">
        <v>4</v>
      </c>
    </row>
    <row r="883" spans="1:9" x14ac:dyDescent="0.25">
      <c r="A883" s="1" t="s">
        <v>892</v>
      </c>
      <c r="B883" s="2">
        <v>3</v>
      </c>
      <c r="C883" t="s">
        <v>13</v>
      </c>
      <c r="D883" s="2">
        <v>240</v>
      </c>
      <c r="E883">
        <v>2.5</v>
      </c>
      <c r="F883" s="3">
        <v>0.6</v>
      </c>
      <c r="G883">
        <v>16.666666666666668</v>
      </c>
      <c r="H883" s="3">
        <v>1</v>
      </c>
      <c r="I883" s="3">
        <v>2</v>
      </c>
    </row>
    <row r="884" spans="1:9" x14ac:dyDescent="0.25">
      <c r="A884" s="1" t="s">
        <v>893</v>
      </c>
      <c r="B884" s="2">
        <v>2</v>
      </c>
      <c r="C884" t="s">
        <v>271</v>
      </c>
      <c r="D884" s="2">
        <v>240</v>
      </c>
      <c r="E884">
        <v>50</v>
      </c>
      <c r="F884" s="3">
        <v>14.4</v>
      </c>
      <c r="G884">
        <v>3.4722222222222223</v>
      </c>
      <c r="H884" s="3">
        <v>1</v>
      </c>
      <c r="I884" s="3">
        <v>3</v>
      </c>
    </row>
    <row r="885" spans="1:9" x14ac:dyDescent="0.25">
      <c r="A885" s="1" t="s">
        <v>894</v>
      </c>
      <c r="B885" s="2">
        <v>8</v>
      </c>
      <c r="C885" t="s">
        <v>13</v>
      </c>
      <c r="D885" s="2">
        <v>240</v>
      </c>
      <c r="E885">
        <v>2.5</v>
      </c>
      <c r="F885" s="3">
        <v>1.2</v>
      </c>
      <c r="G885">
        <v>83.333333333333329</v>
      </c>
      <c r="H885" s="3">
        <v>3</v>
      </c>
      <c r="I885" s="3">
        <v>4</v>
      </c>
    </row>
    <row r="886" spans="1:9" x14ac:dyDescent="0.25">
      <c r="A886" s="1" t="s">
        <v>895</v>
      </c>
      <c r="B886" s="2">
        <v>6</v>
      </c>
      <c r="C886" t="s">
        <v>13</v>
      </c>
      <c r="D886" s="2">
        <v>120</v>
      </c>
      <c r="E886">
        <v>2.5</v>
      </c>
      <c r="F886" s="3">
        <v>0.9</v>
      </c>
      <c r="G886">
        <v>111.11111111111111</v>
      </c>
      <c r="H886" s="3">
        <v>3</v>
      </c>
      <c r="I886" s="3">
        <v>4</v>
      </c>
    </row>
    <row r="887" spans="1:9" x14ac:dyDescent="0.25">
      <c r="A887" s="1" t="s">
        <v>896</v>
      </c>
      <c r="B887" s="2">
        <v>6</v>
      </c>
      <c r="C887" t="s">
        <v>13</v>
      </c>
      <c r="D887" s="2">
        <v>277</v>
      </c>
      <c r="E887">
        <v>2.5</v>
      </c>
      <c r="F887" s="3">
        <v>1.8</v>
      </c>
      <c r="G887">
        <v>55.555555555555557</v>
      </c>
      <c r="H887" s="3">
        <v>3</v>
      </c>
      <c r="I887" s="3">
        <v>4</v>
      </c>
    </row>
    <row r="888" spans="1:9" x14ac:dyDescent="0.25">
      <c r="A888" s="1" t="s">
        <v>897</v>
      </c>
      <c r="B888" s="2">
        <v>2</v>
      </c>
      <c r="C888" t="s">
        <v>22</v>
      </c>
      <c r="D888" s="2">
        <v>240</v>
      </c>
      <c r="E888">
        <v>15</v>
      </c>
      <c r="F888" s="3">
        <v>3.6</v>
      </c>
      <c r="G888">
        <v>166.66666666666666</v>
      </c>
      <c r="H888" s="3">
        <v>1</v>
      </c>
      <c r="I888" s="3">
        <v>3</v>
      </c>
    </row>
    <row r="889" spans="1:9" x14ac:dyDescent="0.25">
      <c r="A889" s="1" t="s">
        <v>898</v>
      </c>
      <c r="B889" s="2">
        <v>2</v>
      </c>
      <c r="C889" t="s">
        <v>13</v>
      </c>
      <c r="D889" s="2">
        <v>240</v>
      </c>
      <c r="E889">
        <v>15</v>
      </c>
      <c r="F889" s="3">
        <v>3.6</v>
      </c>
      <c r="G889">
        <v>166.66666666666666</v>
      </c>
      <c r="H889" s="3">
        <v>1</v>
      </c>
      <c r="I889" s="3">
        <v>3</v>
      </c>
    </row>
    <row r="890" spans="1:9" x14ac:dyDescent="0.25">
      <c r="A890" s="1" t="s">
        <v>899</v>
      </c>
      <c r="B890" s="2">
        <v>2</v>
      </c>
      <c r="C890" t="s">
        <v>13</v>
      </c>
      <c r="D890" s="2">
        <v>240</v>
      </c>
      <c r="E890">
        <v>30</v>
      </c>
      <c r="F890" s="3">
        <v>7.2</v>
      </c>
      <c r="G890">
        <v>166.66666666666666</v>
      </c>
      <c r="H890" s="3">
        <v>1</v>
      </c>
      <c r="I890" s="3">
        <v>3</v>
      </c>
    </row>
    <row r="891" spans="1:9" x14ac:dyDescent="0.25">
      <c r="A891" s="1" t="s">
        <v>900</v>
      </c>
      <c r="B891" s="2">
        <v>2</v>
      </c>
      <c r="C891" t="s">
        <v>13</v>
      </c>
      <c r="D891" s="2">
        <v>240</v>
      </c>
      <c r="E891">
        <v>30</v>
      </c>
      <c r="F891" s="3">
        <v>7.2</v>
      </c>
      <c r="G891">
        <v>6.9444444444444446</v>
      </c>
      <c r="H891" s="3">
        <v>1</v>
      </c>
      <c r="I891" s="3">
        <v>3</v>
      </c>
    </row>
    <row r="892" spans="1:9" x14ac:dyDescent="0.25">
      <c r="A892" s="1" t="s">
        <v>901</v>
      </c>
      <c r="B892" s="2">
        <v>2</v>
      </c>
      <c r="C892" t="s">
        <v>22</v>
      </c>
      <c r="D892" s="2">
        <v>240</v>
      </c>
      <c r="E892">
        <v>50</v>
      </c>
      <c r="F892" s="3">
        <v>12</v>
      </c>
      <c r="G892">
        <v>8.3333333333333339</v>
      </c>
      <c r="H892" s="3">
        <v>1</v>
      </c>
      <c r="I892" s="3">
        <v>3</v>
      </c>
    </row>
    <row r="893" spans="1:9" x14ac:dyDescent="0.25">
      <c r="A893" s="1" t="s">
        <v>902</v>
      </c>
      <c r="B893" s="2">
        <v>5</v>
      </c>
      <c r="C893" t="s">
        <v>13</v>
      </c>
      <c r="D893" s="2">
        <v>120</v>
      </c>
      <c r="E893">
        <v>2.5</v>
      </c>
      <c r="F893" s="3">
        <v>0.6</v>
      </c>
      <c r="G893">
        <v>166.66666666666666</v>
      </c>
      <c r="H893" s="3">
        <v>3</v>
      </c>
      <c r="I893" s="3">
        <v>3</v>
      </c>
    </row>
    <row r="894" spans="1:9" x14ac:dyDescent="0.25">
      <c r="A894" s="1" t="s">
        <v>903</v>
      </c>
      <c r="B894" s="2">
        <v>5</v>
      </c>
      <c r="C894" t="s">
        <v>13</v>
      </c>
      <c r="D894" s="2">
        <v>120</v>
      </c>
      <c r="E894">
        <v>2.5</v>
      </c>
      <c r="F894" s="3">
        <v>1.8</v>
      </c>
      <c r="G894" t="s">
        <v>187</v>
      </c>
      <c r="H894" s="3">
        <v>3</v>
      </c>
      <c r="I894" s="3">
        <v>3</v>
      </c>
    </row>
    <row r="895" spans="1:9" x14ac:dyDescent="0.25">
      <c r="A895" s="1" t="s">
        <v>904</v>
      </c>
      <c r="B895" s="2">
        <v>2</v>
      </c>
      <c r="C895" t="s">
        <v>22</v>
      </c>
      <c r="D895" s="2">
        <v>240</v>
      </c>
      <c r="E895">
        <v>50</v>
      </c>
      <c r="F895" s="3">
        <v>12</v>
      </c>
      <c r="G895">
        <v>166.66666666666666</v>
      </c>
      <c r="H895" s="3">
        <v>1</v>
      </c>
      <c r="I895" s="3">
        <v>3</v>
      </c>
    </row>
    <row r="896" spans="1:9" x14ac:dyDescent="0.25">
      <c r="A896" s="1" t="s">
        <v>905</v>
      </c>
      <c r="B896" s="2">
        <v>2</v>
      </c>
      <c r="C896" t="s">
        <v>13</v>
      </c>
      <c r="D896" s="2">
        <v>240</v>
      </c>
      <c r="E896">
        <v>50</v>
      </c>
      <c r="F896" s="3">
        <v>12</v>
      </c>
      <c r="G896">
        <v>166.66666666666666</v>
      </c>
      <c r="H896" s="3">
        <v>1</v>
      </c>
      <c r="I896" s="3">
        <v>3</v>
      </c>
    </row>
    <row r="897" spans="1:10" x14ac:dyDescent="0.25">
      <c r="A897" s="1" t="s">
        <v>906</v>
      </c>
      <c r="B897" s="2">
        <v>2</v>
      </c>
      <c r="C897" t="s">
        <v>13</v>
      </c>
      <c r="D897" s="2">
        <v>240</v>
      </c>
      <c r="E897">
        <v>50</v>
      </c>
      <c r="F897" s="3">
        <v>12</v>
      </c>
      <c r="G897">
        <v>4.6296296296296298</v>
      </c>
      <c r="H897" s="3">
        <v>1</v>
      </c>
      <c r="I897" s="3">
        <v>3</v>
      </c>
    </row>
    <row r="898" spans="1:10" x14ac:dyDescent="0.25">
      <c r="A898" s="1" t="s">
        <v>907</v>
      </c>
      <c r="B898" s="2">
        <v>2</v>
      </c>
      <c r="C898" t="s">
        <v>13</v>
      </c>
      <c r="D898" s="2">
        <v>240</v>
      </c>
      <c r="E898">
        <v>50</v>
      </c>
      <c r="F898" s="3">
        <v>14.4</v>
      </c>
      <c r="G898">
        <v>13.888888888888889</v>
      </c>
      <c r="H898" s="3">
        <v>1</v>
      </c>
      <c r="I898" s="3">
        <v>3</v>
      </c>
    </row>
    <row r="899" spans="1:10" x14ac:dyDescent="0.25">
      <c r="A899" s="1" t="s">
        <v>908</v>
      </c>
      <c r="B899" s="2">
        <v>2</v>
      </c>
      <c r="C899" t="s">
        <v>13</v>
      </c>
      <c r="D899" s="2">
        <v>240</v>
      </c>
      <c r="E899">
        <v>50</v>
      </c>
      <c r="F899" s="3">
        <v>12</v>
      </c>
      <c r="G899">
        <v>83.333333333333329</v>
      </c>
      <c r="H899" s="3">
        <v>1</v>
      </c>
      <c r="I899" s="3">
        <v>3</v>
      </c>
    </row>
    <row r="900" spans="1:10" x14ac:dyDescent="0.25">
      <c r="A900" s="1" t="s">
        <v>909</v>
      </c>
      <c r="B900" s="2">
        <v>0</v>
      </c>
      <c r="C900" t="s">
        <v>420</v>
      </c>
      <c r="D900" s="2">
        <v>277</v>
      </c>
      <c r="E900">
        <v>2.5</v>
      </c>
      <c r="F900" s="3">
        <v>0</v>
      </c>
      <c r="G900" t="s">
        <v>187</v>
      </c>
      <c r="H900" s="3">
        <v>3</v>
      </c>
      <c r="I900" s="3">
        <v>4</v>
      </c>
    </row>
    <row r="901" spans="1:10" x14ac:dyDescent="0.25">
      <c r="A901" s="1" t="s">
        <v>910</v>
      </c>
      <c r="B901" s="2">
        <v>14</v>
      </c>
      <c r="C901" t="s">
        <v>22</v>
      </c>
      <c r="D901" s="2">
        <v>120</v>
      </c>
      <c r="E901">
        <v>30</v>
      </c>
      <c r="F901" s="3">
        <v>10.8</v>
      </c>
      <c r="G901">
        <v>9.2592592592592595</v>
      </c>
      <c r="H901" s="3">
        <v>3</v>
      </c>
      <c r="I901" s="3">
        <v>4</v>
      </c>
    </row>
    <row r="902" spans="1:10" x14ac:dyDescent="0.25">
      <c r="A902" s="1" t="s">
        <v>911</v>
      </c>
      <c r="B902" s="2">
        <v>5</v>
      </c>
      <c r="C902" t="s">
        <v>13</v>
      </c>
      <c r="D902" s="2">
        <v>120</v>
      </c>
      <c r="E902">
        <v>2.5</v>
      </c>
      <c r="F902" s="3">
        <v>1.8</v>
      </c>
      <c r="G902">
        <v>111.11111111111111</v>
      </c>
      <c r="H902" s="3">
        <v>3</v>
      </c>
      <c r="I902" s="3">
        <v>3</v>
      </c>
    </row>
    <row r="903" spans="1:10" x14ac:dyDescent="0.25">
      <c r="A903" s="1" t="s">
        <v>912</v>
      </c>
      <c r="B903" s="2">
        <v>5</v>
      </c>
      <c r="C903" t="s">
        <v>13</v>
      </c>
      <c r="D903" s="2">
        <v>240</v>
      </c>
      <c r="E903">
        <v>2.5</v>
      </c>
      <c r="F903" s="3">
        <v>2.4</v>
      </c>
      <c r="G903" t="s">
        <v>187</v>
      </c>
      <c r="H903" s="3">
        <v>3</v>
      </c>
      <c r="I903" s="3">
        <v>3</v>
      </c>
    </row>
    <row r="904" spans="1:10" x14ac:dyDescent="0.25">
      <c r="A904" s="1" t="s">
        <v>913</v>
      </c>
      <c r="B904" s="2">
        <v>5</v>
      </c>
      <c r="C904" t="s">
        <v>13</v>
      </c>
      <c r="D904" s="2">
        <v>120</v>
      </c>
      <c r="E904">
        <v>2.5</v>
      </c>
      <c r="F904" s="3">
        <v>1.2</v>
      </c>
      <c r="G904">
        <v>83.333333333333329</v>
      </c>
      <c r="H904" s="3">
        <v>3</v>
      </c>
      <c r="I904" s="3">
        <v>3</v>
      </c>
    </row>
    <row r="905" spans="1:10" x14ac:dyDescent="0.25">
      <c r="A905" s="1" t="s">
        <v>914</v>
      </c>
      <c r="B905" s="2">
        <v>6</v>
      </c>
      <c r="C905" t="s">
        <v>13</v>
      </c>
      <c r="D905" s="2">
        <v>120</v>
      </c>
      <c r="E905">
        <v>2.5</v>
      </c>
      <c r="F905" s="3">
        <v>1.8</v>
      </c>
      <c r="G905">
        <v>166.66666666666666</v>
      </c>
      <c r="H905" s="3">
        <v>3</v>
      </c>
      <c r="I905" s="3">
        <v>4</v>
      </c>
    </row>
    <row r="906" spans="1:10" x14ac:dyDescent="0.25">
      <c r="A906" s="1" t="s">
        <v>915</v>
      </c>
      <c r="B906" s="2">
        <v>6</v>
      </c>
      <c r="C906" t="s">
        <v>13</v>
      </c>
      <c r="D906" s="2">
        <v>277</v>
      </c>
      <c r="E906">
        <v>2.5</v>
      </c>
      <c r="F906" s="3">
        <v>3.6</v>
      </c>
      <c r="G906" t="s">
        <v>187</v>
      </c>
      <c r="H906" s="3">
        <v>3</v>
      </c>
      <c r="I906" s="3">
        <v>4</v>
      </c>
    </row>
    <row r="907" spans="1:10" x14ac:dyDescent="0.25">
      <c r="A907" s="1" t="s">
        <v>916</v>
      </c>
      <c r="B907" s="2">
        <v>5</v>
      </c>
      <c r="C907" t="s">
        <v>13</v>
      </c>
      <c r="D907" s="2">
        <v>240</v>
      </c>
      <c r="E907">
        <v>2.5</v>
      </c>
      <c r="F907" s="3">
        <v>3.6</v>
      </c>
      <c r="G907" t="s">
        <v>187</v>
      </c>
      <c r="H907" s="3">
        <v>3</v>
      </c>
      <c r="I907" s="3">
        <v>3</v>
      </c>
    </row>
    <row r="908" spans="1:10" x14ac:dyDescent="0.25">
      <c r="A908" s="1" t="s">
        <v>917</v>
      </c>
      <c r="B908" s="2">
        <v>18</v>
      </c>
      <c r="C908" t="s">
        <v>13</v>
      </c>
      <c r="D908" s="2">
        <v>240</v>
      </c>
      <c r="E908">
        <v>2.5</v>
      </c>
      <c r="F908" s="3">
        <v>2.4</v>
      </c>
      <c r="G908">
        <v>166.66666666666666</v>
      </c>
      <c r="H908" s="3">
        <v>2</v>
      </c>
      <c r="I908" s="3">
        <v>5</v>
      </c>
    </row>
    <row r="909" spans="1:10" x14ac:dyDescent="0.25">
      <c r="A909" s="1" t="s">
        <v>918</v>
      </c>
      <c r="B909" s="2">
        <v>6</v>
      </c>
      <c r="C909" t="s">
        <v>22</v>
      </c>
      <c r="D909" s="2">
        <v>120</v>
      </c>
      <c r="E909">
        <v>5</v>
      </c>
      <c r="F909" s="3">
        <v>1</v>
      </c>
      <c r="G909" t="s">
        <v>187</v>
      </c>
      <c r="H909" s="3">
        <v>3</v>
      </c>
      <c r="I909" s="3">
        <v>4</v>
      </c>
    </row>
    <row r="910" spans="1:10" x14ac:dyDescent="0.25">
      <c r="A910" s="1" t="s">
        <v>919</v>
      </c>
      <c r="B910" s="2">
        <v>16</v>
      </c>
      <c r="C910" t="s">
        <v>13</v>
      </c>
      <c r="D910" s="2">
        <v>120</v>
      </c>
      <c r="E910">
        <v>50</v>
      </c>
      <c r="F910" s="3">
        <v>28.8</v>
      </c>
      <c r="G910" t="s">
        <v>187</v>
      </c>
      <c r="H910" s="3">
        <v>3</v>
      </c>
      <c r="I910" s="3">
        <v>4</v>
      </c>
    </row>
    <row r="911" spans="1:10" x14ac:dyDescent="0.25">
      <c r="A911" s="1" t="s">
        <v>920</v>
      </c>
      <c r="B911" s="2">
        <v>15</v>
      </c>
      <c r="C911" t="s">
        <v>271</v>
      </c>
      <c r="D911" s="2">
        <v>240</v>
      </c>
      <c r="E911">
        <v>30</v>
      </c>
      <c r="F911" s="3">
        <v>57.6</v>
      </c>
      <c r="G911">
        <v>3.4722222222222223</v>
      </c>
      <c r="H911" s="3">
        <v>3</v>
      </c>
      <c r="I911" s="3">
        <v>4</v>
      </c>
    </row>
    <row r="912" spans="1:10" x14ac:dyDescent="0.25">
      <c r="A912" s="1" t="s">
        <v>921</v>
      </c>
      <c r="B912" s="2">
        <v>16</v>
      </c>
      <c r="C912" t="s">
        <v>13</v>
      </c>
      <c r="D912" s="2">
        <v>277</v>
      </c>
      <c r="E912">
        <v>30</v>
      </c>
      <c r="F912" s="3">
        <v>30</v>
      </c>
      <c r="G912" t="s">
        <v>187</v>
      </c>
      <c r="H912" s="3">
        <v>3</v>
      </c>
      <c r="I912" s="3">
        <v>4</v>
      </c>
      <c r="J912" s="3">
        <v>3</v>
      </c>
    </row>
    <row r="913" spans="1:9" x14ac:dyDescent="0.25">
      <c r="A913" s="1" t="s">
        <v>922</v>
      </c>
      <c r="B913" s="2">
        <v>0</v>
      </c>
      <c r="C913" t="s">
        <v>13</v>
      </c>
      <c r="D913" s="2">
        <v>0</v>
      </c>
      <c r="E913">
        <v>50</v>
      </c>
      <c r="F913" s="3">
        <v>4.5</v>
      </c>
      <c r="G913" t="s">
        <v>187</v>
      </c>
      <c r="H913" s="3">
        <v>3</v>
      </c>
      <c r="I913" s="3">
        <v>4</v>
      </c>
    </row>
    <row r="914" spans="1:9" x14ac:dyDescent="0.25">
      <c r="A914" s="1" t="s">
        <v>923</v>
      </c>
      <c r="B914" s="2">
        <v>12</v>
      </c>
      <c r="C914" t="s">
        <v>13</v>
      </c>
      <c r="D914" s="2">
        <v>0</v>
      </c>
      <c r="E914">
        <v>30</v>
      </c>
      <c r="F914" s="3">
        <v>3</v>
      </c>
      <c r="G914" t="s">
        <v>187</v>
      </c>
      <c r="H914" s="3">
        <v>3</v>
      </c>
      <c r="I914" s="3">
        <v>3</v>
      </c>
    </row>
    <row r="915" spans="1:9" x14ac:dyDescent="0.25">
      <c r="A915" s="1" t="s">
        <v>924</v>
      </c>
      <c r="B915" s="2">
        <v>45</v>
      </c>
      <c r="C915" t="s">
        <v>13</v>
      </c>
      <c r="D915" s="2">
        <v>0</v>
      </c>
      <c r="E915">
        <v>2.5</v>
      </c>
      <c r="F915" s="3">
        <v>0.3</v>
      </c>
      <c r="G915" t="s">
        <v>187</v>
      </c>
      <c r="H915" s="3">
        <v>3</v>
      </c>
      <c r="I915" s="3">
        <v>3</v>
      </c>
    </row>
    <row r="916" spans="1:9" x14ac:dyDescent="0.25">
      <c r="A916" s="1" t="s">
        <v>925</v>
      </c>
      <c r="B916" s="2">
        <v>3</v>
      </c>
      <c r="C916" t="s">
        <v>22</v>
      </c>
      <c r="D916" s="2">
        <v>120</v>
      </c>
      <c r="E916">
        <v>2.5</v>
      </c>
      <c r="F916" s="3">
        <v>0.3</v>
      </c>
      <c r="G916">
        <v>83.333333333333329</v>
      </c>
      <c r="H916" s="3">
        <v>1</v>
      </c>
      <c r="I916" s="3">
        <v>2</v>
      </c>
    </row>
    <row r="917" spans="1:9" x14ac:dyDescent="0.25">
      <c r="A917" s="1" t="s">
        <v>926</v>
      </c>
      <c r="B917" s="2">
        <v>5</v>
      </c>
      <c r="C917" t="s">
        <v>22</v>
      </c>
      <c r="D917" s="2">
        <v>120</v>
      </c>
      <c r="E917">
        <v>2.5</v>
      </c>
      <c r="F917" s="3">
        <v>2.4</v>
      </c>
      <c r="G917">
        <v>166.66666666666666</v>
      </c>
      <c r="H917" s="3">
        <v>3</v>
      </c>
      <c r="I917" s="3">
        <v>3</v>
      </c>
    </row>
    <row r="918" spans="1:9" x14ac:dyDescent="0.25">
      <c r="A918" s="1" t="s">
        <v>927</v>
      </c>
      <c r="B918" s="2">
        <v>5</v>
      </c>
      <c r="C918" t="s">
        <v>22</v>
      </c>
      <c r="D918" s="2">
        <v>240</v>
      </c>
      <c r="E918">
        <v>2.5</v>
      </c>
      <c r="F918" s="3">
        <v>4.8</v>
      </c>
      <c r="G918">
        <v>83.333333333333329</v>
      </c>
      <c r="H918" s="3">
        <v>3</v>
      </c>
      <c r="I918" s="3">
        <v>3</v>
      </c>
    </row>
    <row r="919" spans="1:9" x14ac:dyDescent="0.25">
      <c r="A919" s="1" t="s">
        <v>4</v>
      </c>
      <c r="B919" s="2">
        <v>12</v>
      </c>
      <c r="C919" t="s">
        <v>13</v>
      </c>
      <c r="D919" s="2">
        <v>120</v>
      </c>
      <c r="E919">
        <v>15</v>
      </c>
      <c r="F919" s="3">
        <v>7.2</v>
      </c>
      <c r="G919" t="s">
        <v>187</v>
      </c>
      <c r="H919" s="3">
        <v>2</v>
      </c>
      <c r="I919" s="3">
        <v>3</v>
      </c>
    </row>
    <row r="920" spans="1:9" x14ac:dyDescent="0.25">
      <c r="A920" s="1" t="s">
        <v>928</v>
      </c>
      <c r="B920" s="2">
        <v>2</v>
      </c>
      <c r="C920" t="s">
        <v>13</v>
      </c>
      <c r="D920" s="2">
        <v>240</v>
      </c>
      <c r="E920">
        <v>30</v>
      </c>
      <c r="F920" s="3">
        <v>14.4</v>
      </c>
      <c r="G920">
        <v>138.88888888888889</v>
      </c>
      <c r="H920" s="3">
        <v>1</v>
      </c>
      <c r="I920" s="3">
        <v>3</v>
      </c>
    </row>
    <row r="921" spans="1:9" x14ac:dyDescent="0.25">
      <c r="A921" s="1" t="s">
        <v>929</v>
      </c>
      <c r="B921" s="2">
        <v>2</v>
      </c>
      <c r="C921" t="s">
        <v>271</v>
      </c>
      <c r="D921" s="2">
        <v>240</v>
      </c>
      <c r="E921">
        <v>50</v>
      </c>
      <c r="F921" s="3">
        <v>14.4</v>
      </c>
      <c r="G921" t="s">
        <v>187</v>
      </c>
      <c r="H921" s="3">
        <v>1</v>
      </c>
      <c r="I921" s="3">
        <v>3</v>
      </c>
    </row>
    <row r="922" spans="1:9" x14ac:dyDescent="0.25">
      <c r="A922" s="1" t="s">
        <v>930</v>
      </c>
      <c r="B922" s="2">
        <v>12</v>
      </c>
      <c r="C922" t="s">
        <v>13</v>
      </c>
      <c r="D922" s="2">
        <v>480</v>
      </c>
      <c r="E922">
        <v>30</v>
      </c>
      <c r="F922" s="3">
        <v>57.6</v>
      </c>
      <c r="G922" t="s">
        <v>187</v>
      </c>
      <c r="H922" s="3">
        <v>3</v>
      </c>
      <c r="I922" s="3">
        <v>3</v>
      </c>
    </row>
    <row r="923" spans="1:9" x14ac:dyDescent="0.25">
      <c r="A923" s="1" t="s">
        <v>931</v>
      </c>
      <c r="B923" s="2">
        <v>16</v>
      </c>
      <c r="C923" t="s">
        <v>13</v>
      </c>
      <c r="D923" s="2">
        <v>120</v>
      </c>
      <c r="E923">
        <v>30</v>
      </c>
      <c r="F923" s="3">
        <v>21.6</v>
      </c>
      <c r="G923" t="s">
        <v>187</v>
      </c>
      <c r="H923" s="3">
        <v>3</v>
      </c>
      <c r="I923" s="3">
        <v>4</v>
      </c>
    </row>
    <row r="924" spans="1:9" x14ac:dyDescent="0.25">
      <c r="A924" s="1" t="s">
        <v>932</v>
      </c>
      <c r="B924" s="2">
        <v>12</v>
      </c>
      <c r="C924" t="s">
        <v>13</v>
      </c>
      <c r="D924" s="2">
        <v>120</v>
      </c>
      <c r="E924">
        <v>30</v>
      </c>
      <c r="F924" s="3">
        <v>7.2</v>
      </c>
      <c r="G924">
        <v>13.888888888888889</v>
      </c>
      <c r="H924" s="3">
        <v>3</v>
      </c>
      <c r="I924" s="3">
        <v>3</v>
      </c>
    </row>
    <row r="925" spans="1:9" x14ac:dyDescent="0.25">
      <c r="A925" s="1" t="s">
        <v>933</v>
      </c>
      <c r="B925" s="2">
        <v>15</v>
      </c>
      <c r="C925" t="s">
        <v>13</v>
      </c>
      <c r="D925" s="2">
        <v>240</v>
      </c>
      <c r="E925">
        <v>30</v>
      </c>
      <c r="F925" s="3">
        <v>14.4</v>
      </c>
      <c r="G925">
        <v>6.9444444444444446</v>
      </c>
      <c r="H925" s="3">
        <v>3</v>
      </c>
      <c r="I925" s="3">
        <v>4</v>
      </c>
    </row>
    <row r="926" spans="1:9" x14ac:dyDescent="0.25">
      <c r="A926" s="1" t="s">
        <v>934</v>
      </c>
      <c r="B926" s="2">
        <v>16</v>
      </c>
      <c r="C926" t="s">
        <v>13</v>
      </c>
      <c r="D926" s="2">
        <v>277</v>
      </c>
      <c r="E926">
        <v>30</v>
      </c>
      <c r="F926" s="3">
        <v>43.2</v>
      </c>
      <c r="G926">
        <v>2.3148148148148149</v>
      </c>
      <c r="H926" s="3">
        <v>3</v>
      </c>
      <c r="I926" s="3">
        <v>4</v>
      </c>
    </row>
    <row r="927" spans="1:9" x14ac:dyDescent="0.25">
      <c r="A927" s="1" t="s">
        <v>935</v>
      </c>
      <c r="B927" s="2">
        <v>1</v>
      </c>
      <c r="C927" t="s">
        <v>13</v>
      </c>
      <c r="D927" s="2">
        <v>120</v>
      </c>
      <c r="E927">
        <v>15</v>
      </c>
      <c r="F927" s="3">
        <v>3.6</v>
      </c>
      <c r="G927">
        <v>27.777777777777779</v>
      </c>
      <c r="H927" s="3">
        <v>1</v>
      </c>
      <c r="I927" s="3">
        <v>2</v>
      </c>
    </row>
    <row r="928" spans="1:9" x14ac:dyDescent="0.25">
      <c r="A928" s="1" t="s">
        <v>936</v>
      </c>
      <c r="B928" s="2">
        <v>3</v>
      </c>
      <c r="C928" t="s">
        <v>13</v>
      </c>
      <c r="D928" s="2">
        <v>120</v>
      </c>
      <c r="E928">
        <v>2.5</v>
      </c>
      <c r="F928" s="3">
        <v>0.3</v>
      </c>
      <c r="G928" t="s">
        <v>187</v>
      </c>
      <c r="H928" s="3">
        <v>1</v>
      </c>
      <c r="I928" s="3">
        <v>3</v>
      </c>
    </row>
    <row r="929" spans="1:9" x14ac:dyDescent="0.25">
      <c r="A929" s="1" t="s">
        <v>937</v>
      </c>
      <c r="B929" s="2">
        <v>12</v>
      </c>
      <c r="C929" t="s">
        <v>13</v>
      </c>
      <c r="D929" s="2">
        <v>277</v>
      </c>
      <c r="E929">
        <v>30</v>
      </c>
      <c r="F929" s="3">
        <v>28.8</v>
      </c>
      <c r="G929">
        <v>6.9444444444444446</v>
      </c>
      <c r="H929" s="3">
        <v>3</v>
      </c>
      <c r="I929" s="3">
        <v>3</v>
      </c>
    </row>
    <row r="930" spans="1:9" x14ac:dyDescent="0.25">
      <c r="A930" s="1" t="s">
        <v>938</v>
      </c>
      <c r="B930" s="2">
        <v>6</v>
      </c>
      <c r="C930" t="s">
        <v>13</v>
      </c>
      <c r="D930" s="2">
        <v>277</v>
      </c>
      <c r="E930">
        <v>2.5</v>
      </c>
      <c r="F930" s="3">
        <v>4.8</v>
      </c>
      <c r="G930" t="s">
        <v>187</v>
      </c>
      <c r="H930" s="3">
        <v>3</v>
      </c>
      <c r="I930" s="3">
        <v>4</v>
      </c>
    </row>
    <row r="931" spans="1:9" x14ac:dyDescent="0.25">
      <c r="A931" s="1" t="s">
        <v>939</v>
      </c>
      <c r="B931" s="2">
        <v>6</v>
      </c>
      <c r="C931" t="s">
        <v>13</v>
      </c>
      <c r="D931" s="2">
        <v>120</v>
      </c>
      <c r="E931">
        <v>2.5</v>
      </c>
      <c r="F931" s="3">
        <v>2.4</v>
      </c>
      <c r="G931" t="s">
        <v>187</v>
      </c>
      <c r="H931" s="3">
        <v>3</v>
      </c>
      <c r="I931" s="3">
        <v>4</v>
      </c>
    </row>
    <row r="932" spans="1:9" x14ac:dyDescent="0.25">
      <c r="A932" s="1" t="s">
        <v>940</v>
      </c>
      <c r="B932" s="2">
        <v>12</v>
      </c>
      <c r="C932" t="s">
        <v>13</v>
      </c>
      <c r="D932" s="2">
        <v>277</v>
      </c>
      <c r="E932">
        <v>30</v>
      </c>
      <c r="F932" s="3">
        <v>28.8</v>
      </c>
      <c r="G932">
        <v>4.166666666666667</v>
      </c>
      <c r="H932" s="3">
        <v>3</v>
      </c>
      <c r="I932" s="3">
        <v>3</v>
      </c>
    </row>
    <row r="933" spans="1:9" x14ac:dyDescent="0.25">
      <c r="A933" s="1" t="s">
        <v>941</v>
      </c>
      <c r="B933" s="2">
        <v>16</v>
      </c>
      <c r="C933" t="s">
        <v>13</v>
      </c>
      <c r="D933" s="2">
        <v>120</v>
      </c>
      <c r="E933">
        <v>50</v>
      </c>
      <c r="F933" s="3">
        <v>43.2</v>
      </c>
      <c r="G933" t="s">
        <v>187</v>
      </c>
      <c r="H933" s="3">
        <v>3</v>
      </c>
      <c r="I933" s="3">
        <v>4</v>
      </c>
    </row>
    <row r="934" spans="1:9" x14ac:dyDescent="0.25">
      <c r="A934" s="1" t="s">
        <v>942</v>
      </c>
      <c r="B934" s="2">
        <v>14</v>
      </c>
      <c r="C934" t="s">
        <v>13</v>
      </c>
      <c r="D934" s="2">
        <v>277</v>
      </c>
      <c r="E934">
        <v>15</v>
      </c>
      <c r="F934" s="3">
        <v>21.6</v>
      </c>
      <c r="G934" t="s">
        <v>187</v>
      </c>
      <c r="H934" s="3">
        <v>3</v>
      </c>
      <c r="I934" s="3">
        <v>4</v>
      </c>
    </row>
    <row r="935" spans="1:9" x14ac:dyDescent="0.25">
      <c r="A935" s="1" t="s">
        <v>943</v>
      </c>
      <c r="B935" s="2">
        <v>13</v>
      </c>
      <c r="C935" t="s">
        <v>22</v>
      </c>
      <c r="D935" s="2">
        <v>240</v>
      </c>
      <c r="E935">
        <v>15</v>
      </c>
      <c r="F935" s="3">
        <v>14.4</v>
      </c>
      <c r="G935" t="s">
        <v>187</v>
      </c>
      <c r="H935" s="3">
        <v>3</v>
      </c>
      <c r="I935" s="3">
        <v>3</v>
      </c>
    </row>
    <row r="936" spans="1:9" x14ac:dyDescent="0.25">
      <c r="A936" s="1" t="s">
        <v>944</v>
      </c>
      <c r="B936" s="2">
        <v>3</v>
      </c>
      <c r="C936" t="s">
        <v>13</v>
      </c>
      <c r="D936" s="2">
        <v>240</v>
      </c>
      <c r="E936">
        <v>2.5</v>
      </c>
      <c r="F936" s="3">
        <v>0.6</v>
      </c>
      <c r="G936" t="s">
        <v>187</v>
      </c>
      <c r="H936" s="3">
        <v>1</v>
      </c>
      <c r="I936" s="3">
        <v>2</v>
      </c>
    </row>
    <row r="937" spans="1:9" x14ac:dyDescent="0.25">
      <c r="A937" s="1" t="s">
        <v>945</v>
      </c>
      <c r="B937" s="2">
        <v>12</v>
      </c>
      <c r="C937" t="s">
        <v>13</v>
      </c>
      <c r="D937" s="2">
        <v>240</v>
      </c>
      <c r="E937">
        <v>15</v>
      </c>
      <c r="F937" s="3">
        <v>14.4</v>
      </c>
      <c r="G937" t="s">
        <v>187</v>
      </c>
      <c r="H937" s="3">
        <v>3</v>
      </c>
      <c r="I937" s="3">
        <v>3</v>
      </c>
    </row>
    <row r="938" spans="1:9" x14ac:dyDescent="0.25">
      <c r="A938" s="1" t="s">
        <v>946</v>
      </c>
      <c r="B938" s="2">
        <v>16</v>
      </c>
      <c r="C938" t="s">
        <v>13</v>
      </c>
      <c r="D938" s="2">
        <v>277</v>
      </c>
      <c r="E938">
        <v>30</v>
      </c>
      <c r="F938" s="3">
        <v>43.2</v>
      </c>
      <c r="G938" t="s">
        <v>187</v>
      </c>
      <c r="H938" s="3">
        <v>3</v>
      </c>
      <c r="I938" s="3">
        <v>4</v>
      </c>
    </row>
    <row r="939" spans="1:9" x14ac:dyDescent="0.25">
      <c r="A939" s="1" t="s">
        <v>947</v>
      </c>
      <c r="B939" s="2">
        <v>2</v>
      </c>
      <c r="C939" t="s">
        <v>13</v>
      </c>
      <c r="D939" s="2">
        <v>240</v>
      </c>
      <c r="E939">
        <v>50</v>
      </c>
      <c r="F939" s="3">
        <v>12</v>
      </c>
      <c r="G939" t="s">
        <v>187</v>
      </c>
      <c r="H939" s="3">
        <v>1</v>
      </c>
      <c r="I939" s="3">
        <v>2</v>
      </c>
    </row>
    <row r="940" spans="1:9" x14ac:dyDescent="0.25">
      <c r="A940" s="1" t="s">
        <v>948</v>
      </c>
      <c r="B940" s="2">
        <v>3</v>
      </c>
      <c r="C940" t="s">
        <v>13</v>
      </c>
      <c r="D940" s="2">
        <v>120</v>
      </c>
      <c r="E940">
        <v>2.5</v>
      </c>
      <c r="F940" s="3">
        <v>0.3</v>
      </c>
      <c r="G940" t="s">
        <v>187</v>
      </c>
      <c r="H940" s="3">
        <v>1</v>
      </c>
      <c r="I940" s="3">
        <v>2</v>
      </c>
    </row>
    <row r="941" spans="1:9" x14ac:dyDescent="0.25">
      <c r="A941" s="1" t="s">
        <v>949</v>
      </c>
      <c r="B941" s="2">
        <v>3</v>
      </c>
      <c r="C941" t="s">
        <v>13</v>
      </c>
      <c r="D941" s="2">
        <v>240</v>
      </c>
      <c r="E941">
        <v>2.5</v>
      </c>
      <c r="F941" s="3">
        <v>0.6</v>
      </c>
      <c r="G941" t="s">
        <v>187</v>
      </c>
      <c r="H941" s="3">
        <v>1</v>
      </c>
      <c r="I941" s="3">
        <v>3</v>
      </c>
    </row>
    <row r="942" spans="1:9" x14ac:dyDescent="0.25">
      <c r="A942" s="1" t="s">
        <v>950</v>
      </c>
      <c r="B942" s="2">
        <v>12</v>
      </c>
      <c r="C942" t="s">
        <v>13</v>
      </c>
      <c r="D942" s="2">
        <v>120</v>
      </c>
      <c r="E942">
        <v>30</v>
      </c>
      <c r="F942" s="3">
        <v>14.4</v>
      </c>
      <c r="G942" t="s">
        <v>187</v>
      </c>
      <c r="H942" s="3">
        <v>3</v>
      </c>
      <c r="I942" s="3">
        <v>3</v>
      </c>
    </row>
    <row r="943" spans="1:9" x14ac:dyDescent="0.25">
      <c r="A943" s="1" t="s">
        <v>951</v>
      </c>
      <c r="B943" s="2">
        <v>14</v>
      </c>
      <c r="C943" t="s">
        <v>13</v>
      </c>
      <c r="D943" s="2">
        <v>240</v>
      </c>
      <c r="E943">
        <v>30</v>
      </c>
      <c r="F943" s="3">
        <v>43.2</v>
      </c>
      <c r="G943" t="s">
        <v>187</v>
      </c>
      <c r="H943" s="3">
        <v>3</v>
      </c>
      <c r="I943" s="3">
        <v>4</v>
      </c>
    </row>
    <row r="944" spans="1:9" x14ac:dyDescent="0.25">
      <c r="A944" s="1" t="s">
        <v>952</v>
      </c>
      <c r="B944" s="2">
        <v>9</v>
      </c>
      <c r="C944" t="s">
        <v>13</v>
      </c>
      <c r="D944" s="2">
        <v>120</v>
      </c>
      <c r="E944">
        <v>2.5</v>
      </c>
      <c r="F944" s="3">
        <v>0.15</v>
      </c>
      <c r="G944" t="s">
        <v>187</v>
      </c>
      <c r="H944" s="3">
        <v>3</v>
      </c>
      <c r="I944" s="3">
        <v>4</v>
      </c>
    </row>
    <row r="945" spans="1:9" x14ac:dyDescent="0.25">
      <c r="A945" s="1" t="s">
        <v>953</v>
      </c>
      <c r="B945" s="2">
        <v>5</v>
      </c>
      <c r="C945" t="s">
        <v>22</v>
      </c>
      <c r="D945" s="2">
        <v>480</v>
      </c>
      <c r="E945">
        <v>2.5</v>
      </c>
      <c r="F945" s="3">
        <v>4.8</v>
      </c>
      <c r="G945">
        <v>20.833333333333332</v>
      </c>
      <c r="H945" s="3">
        <v>3</v>
      </c>
      <c r="I945" s="3">
        <v>3</v>
      </c>
    </row>
    <row r="946" spans="1:9" x14ac:dyDescent="0.25">
      <c r="A946" s="1" t="s">
        <v>954</v>
      </c>
      <c r="B946" s="2">
        <v>5</v>
      </c>
      <c r="C946" t="s">
        <v>22</v>
      </c>
      <c r="D946" s="2">
        <v>480</v>
      </c>
      <c r="E946">
        <v>2.5</v>
      </c>
      <c r="F946" s="3">
        <v>9.6</v>
      </c>
      <c r="G946">
        <v>41.666666666666664</v>
      </c>
      <c r="H946" s="3">
        <v>3</v>
      </c>
      <c r="I946" s="3">
        <v>4</v>
      </c>
    </row>
    <row r="947" spans="1:9" x14ac:dyDescent="0.25">
      <c r="A947" s="1" t="s">
        <v>955</v>
      </c>
      <c r="B947" s="2">
        <v>5</v>
      </c>
      <c r="C947" t="s">
        <v>22</v>
      </c>
      <c r="D947" s="2">
        <v>480</v>
      </c>
      <c r="E947">
        <v>2.5</v>
      </c>
      <c r="F947" s="3">
        <v>4.8</v>
      </c>
      <c r="G947">
        <v>83.333333333333329</v>
      </c>
      <c r="H947" s="3">
        <v>3</v>
      </c>
      <c r="I947" s="3">
        <v>3</v>
      </c>
    </row>
    <row r="948" spans="1:9" x14ac:dyDescent="0.25">
      <c r="A948" s="1" t="s">
        <v>956</v>
      </c>
      <c r="B948" s="2">
        <v>5</v>
      </c>
      <c r="C948" t="s">
        <v>22</v>
      </c>
      <c r="D948" s="2">
        <v>480</v>
      </c>
      <c r="E948">
        <v>2.5</v>
      </c>
      <c r="F948" s="3">
        <v>4.8</v>
      </c>
      <c r="G948">
        <v>166.66666666666666</v>
      </c>
      <c r="H948" s="3">
        <v>3</v>
      </c>
      <c r="I948" s="3">
        <v>3</v>
      </c>
    </row>
    <row r="949" spans="1:9" x14ac:dyDescent="0.25">
      <c r="A949" s="1" t="s">
        <v>957</v>
      </c>
      <c r="B949" s="2">
        <v>5</v>
      </c>
      <c r="C949" t="s">
        <v>22</v>
      </c>
      <c r="D949" s="2">
        <v>480</v>
      </c>
      <c r="E949">
        <v>2.5</v>
      </c>
      <c r="F949" s="3">
        <v>9.6</v>
      </c>
      <c r="G949">
        <v>166.66666666666666</v>
      </c>
      <c r="H949" s="3">
        <v>3</v>
      </c>
      <c r="I949" s="3">
        <v>3</v>
      </c>
    </row>
    <row r="950" spans="1:9" x14ac:dyDescent="0.25">
      <c r="A950" s="1" t="s">
        <v>958</v>
      </c>
      <c r="B950" s="2">
        <v>6</v>
      </c>
      <c r="C950" t="s">
        <v>22</v>
      </c>
      <c r="D950" s="2">
        <v>120</v>
      </c>
      <c r="E950">
        <v>2.5</v>
      </c>
      <c r="F950" s="3">
        <v>1.8</v>
      </c>
      <c r="G950">
        <v>83.333333333333329</v>
      </c>
      <c r="H950" s="3">
        <v>3</v>
      </c>
      <c r="I950" s="3">
        <v>4</v>
      </c>
    </row>
    <row r="951" spans="1:9" x14ac:dyDescent="0.25">
      <c r="A951" s="1" t="s">
        <v>959</v>
      </c>
      <c r="B951" s="2">
        <v>9</v>
      </c>
      <c r="C951" t="s">
        <v>22</v>
      </c>
      <c r="D951" s="2">
        <v>120</v>
      </c>
      <c r="E951">
        <v>2.5</v>
      </c>
      <c r="F951" s="3">
        <v>1.8</v>
      </c>
      <c r="G951">
        <v>83.333333333333329</v>
      </c>
      <c r="H951" s="3">
        <v>3</v>
      </c>
      <c r="I951" s="3">
        <v>4</v>
      </c>
    </row>
    <row r="952" spans="1:9" x14ac:dyDescent="0.25">
      <c r="A952" s="1" t="s">
        <v>960</v>
      </c>
      <c r="B952" s="2">
        <v>9</v>
      </c>
      <c r="C952" t="s">
        <v>22</v>
      </c>
      <c r="D952" s="2">
        <v>277</v>
      </c>
      <c r="E952">
        <v>2.5</v>
      </c>
      <c r="F952" s="3">
        <v>3.6</v>
      </c>
      <c r="G952">
        <v>166.66666666666666</v>
      </c>
      <c r="H952" s="3">
        <v>3</v>
      </c>
      <c r="I952" s="3">
        <v>4</v>
      </c>
    </row>
    <row r="953" spans="1:9" x14ac:dyDescent="0.25">
      <c r="A953" s="1" t="s">
        <v>961</v>
      </c>
      <c r="B953" s="2">
        <v>2</v>
      </c>
      <c r="C953" t="s">
        <v>13</v>
      </c>
      <c r="D953" s="2">
        <v>240</v>
      </c>
      <c r="E953">
        <v>15</v>
      </c>
      <c r="F953" s="3">
        <v>3</v>
      </c>
      <c r="G953">
        <v>33.333333333333336</v>
      </c>
      <c r="H953" s="3">
        <v>1</v>
      </c>
      <c r="I953" s="3">
        <v>3</v>
      </c>
    </row>
    <row r="954" spans="1:9" x14ac:dyDescent="0.25">
      <c r="A954" s="1" t="s">
        <v>962</v>
      </c>
      <c r="B954" s="2">
        <v>3</v>
      </c>
      <c r="C954" t="s">
        <v>13</v>
      </c>
      <c r="D954" s="2">
        <v>120</v>
      </c>
      <c r="E954">
        <v>2.5</v>
      </c>
      <c r="F954" s="3">
        <v>0.3</v>
      </c>
      <c r="G954">
        <v>83.333333333333329</v>
      </c>
      <c r="H954" s="3">
        <v>1</v>
      </c>
      <c r="I954" s="3">
        <v>2</v>
      </c>
    </row>
    <row r="955" spans="1:9" x14ac:dyDescent="0.25">
      <c r="A955" s="1" t="s">
        <v>963</v>
      </c>
      <c r="B955" s="2">
        <v>15</v>
      </c>
      <c r="C955" t="s">
        <v>13</v>
      </c>
      <c r="D955" s="2">
        <v>240</v>
      </c>
      <c r="E955">
        <v>30</v>
      </c>
      <c r="F955" s="3">
        <v>2.4</v>
      </c>
      <c r="G955" t="s">
        <v>187</v>
      </c>
      <c r="H955" s="3">
        <v>3</v>
      </c>
      <c r="I955" s="3">
        <v>4</v>
      </c>
    </row>
    <row r="956" spans="1:9" x14ac:dyDescent="0.25">
      <c r="A956" s="1" t="s">
        <v>964</v>
      </c>
      <c r="B956" s="2">
        <v>16</v>
      </c>
      <c r="C956" t="s">
        <v>13</v>
      </c>
      <c r="D956" s="2">
        <v>277</v>
      </c>
      <c r="E956">
        <v>30</v>
      </c>
      <c r="F956" s="3">
        <v>3.6</v>
      </c>
      <c r="G956" t="s">
        <v>187</v>
      </c>
      <c r="H956" s="3">
        <v>3</v>
      </c>
      <c r="I956" s="3">
        <v>4</v>
      </c>
    </row>
    <row r="957" spans="1:9" x14ac:dyDescent="0.25">
      <c r="A957" s="1" t="s">
        <v>965</v>
      </c>
      <c r="B957" s="2">
        <v>16</v>
      </c>
      <c r="C957" t="s">
        <v>13</v>
      </c>
      <c r="D957" s="2">
        <v>120</v>
      </c>
      <c r="E957">
        <v>30</v>
      </c>
      <c r="F957" s="3">
        <v>1.8</v>
      </c>
      <c r="G957" t="s">
        <v>187</v>
      </c>
      <c r="H957" s="3">
        <v>3</v>
      </c>
      <c r="I957" s="3">
        <v>4</v>
      </c>
    </row>
    <row r="958" spans="1:9" x14ac:dyDescent="0.25">
      <c r="A958" s="1" t="s">
        <v>966</v>
      </c>
      <c r="B958" s="2">
        <v>8</v>
      </c>
      <c r="C958" t="s">
        <v>13</v>
      </c>
      <c r="D958" s="2">
        <v>240</v>
      </c>
      <c r="E958">
        <v>2.5</v>
      </c>
      <c r="F958" s="3">
        <v>0.2</v>
      </c>
      <c r="G958" t="s">
        <v>187</v>
      </c>
      <c r="H958" s="3">
        <v>3</v>
      </c>
      <c r="I958" s="3">
        <v>4</v>
      </c>
    </row>
    <row r="959" spans="1:9" x14ac:dyDescent="0.25">
      <c r="A959" s="1" t="s">
        <v>967</v>
      </c>
      <c r="B959" s="2">
        <v>12</v>
      </c>
      <c r="C959" t="s">
        <v>13</v>
      </c>
      <c r="D959" s="2">
        <v>120</v>
      </c>
      <c r="E959">
        <v>30</v>
      </c>
      <c r="F959" s="3">
        <v>1.2</v>
      </c>
      <c r="G959" t="s">
        <v>187</v>
      </c>
      <c r="H959" s="3">
        <v>3</v>
      </c>
      <c r="I959" s="3">
        <v>3</v>
      </c>
    </row>
    <row r="960" spans="1:9" x14ac:dyDescent="0.25">
      <c r="A960" s="1" t="s">
        <v>968</v>
      </c>
      <c r="B960" s="2">
        <v>12</v>
      </c>
      <c r="C960" t="s">
        <v>13</v>
      </c>
      <c r="D960" s="2">
        <v>240</v>
      </c>
      <c r="E960">
        <v>30</v>
      </c>
      <c r="F960" s="3">
        <v>2.4</v>
      </c>
      <c r="G960" t="s">
        <v>187</v>
      </c>
      <c r="H960" s="3">
        <v>3</v>
      </c>
      <c r="I960" s="3">
        <v>3</v>
      </c>
    </row>
    <row r="961" spans="1:9" x14ac:dyDescent="0.25">
      <c r="A961" s="1" t="s">
        <v>969</v>
      </c>
      <c r="B961" s="2">
        <v>12</v>
      </c>
      <c r="C961" t="s">
        <v>13</v>
      </c>
      <c r="D961" s="2">
        <v>480</v>
      </c>
      <c r="E961">
        <v>30</v>
      </c>
      <c r="F961" s="3">
        <v>4.8</v>
      </c>
      <c r="G961" t="s">
        <v>187</v>
      </c>
      <c r="H961" s="3">
        <v>3</v>
      </c>
      <c r="I961" s="3">
        <v>3</v>
      </c>
    </row>
    <row r="962" spans="1:9" x14ac:dyDescent="0.25">
      <c r="A962" s="1" t="s">
        <v>970</v>
      </c>
      <c r="B962" s="2">
        <v>13</v>
      </c>
      <c r="C962" t="s">
        <v>13</v>
      </c>
      <c r="D962" s="2">
        <v>120</v>
      </c>
      <c r="E962">
        <v>30</v>
      </c>
      <c r="F962" s="3">
        <v>1.2</v>
      </c>
      <c r="G962" t="s">
        <v>187</v>
      </c>
      <c r="H962" s="3">
        <v>3</v>
      </c>
      <c r="I962" s="3">
        <v>3</v>
      </c>
    </row>
    <row r="963" spans="1:9" x14ac:dyDescent="0.25">
      <c r="A963" s="1" t="s">
        <v>971</v>
      </c>
      <c r="B963" s="2">
        <v>13</v>
      </c>
      <c r="C963" t="s">
        <v>13</v>
      </c>
      <c r="D963" s="2">
        <v>240</v>
      </c>
      <c r="E963">
        <v>30</v>
      </c>
      <c r="F963" s="3">
        <v>2.4</v>
      </c>
      <c r="G963" t="s">
        <v>187</v>
      </c>
      <c r="H963" s="3">
        <v>3</v>
      </c>
      <c r="I963" s="3">
        <v>3</v>
      </c>
    </row>
    <row r="964" spans="1:9" x14ac:dyDescent="0.25">
      <c r="A964" s="1" t="s">
        <v>972</v>
      </c>
      <c r="B964" s="2">
        <v>13</v>
      </c>
      <c r="C964" t="s">
        <v>13</v>
      </c>
      <c r="D964" s="2">
        <v>480</v>
      </c>
      <c r="E964">
        <v>30</v>
      </c>
      <c r="F964" s="3">
        <v>4.8</v>
      </c>
      <c r="G964" t="s">
        <v>187</v>
      </c>
      <c r="H964" s="3">
        <v>3</v>
      </c>
      <c r="I964" s="3">
        <v>3</v>
      </c>
    </row>
    <row r="965" spans="1:9" x14ac:dyDescent="0.25">
      <c r="A965" s="1" t="s">
        <v>973</v>
      </c>
      <c r="B965" s="2">
        <v>14</v>
      </c>
      <c r="C965" t="s">
        <v>13</v>
      </c>
      <c r="D965" s="2">
        <v>120</v>
      </c>
      <c r="E965">
        <v>30</v>
      </c>
      <c r="F965" s="3">
        <v>1.8</v>
      </c>
      <c r="G965" t="s">
        <v>187</v>
      </c>
      <c r="H965" s="3">
        <v>3</v>
      </c>
      <c r="I965" s="3">
        <v>4</v>
      </c>
    </row>
    <row r="966" spans="1:9" x14ac:dyDescent="0.25">
      <c r="A966" s="1" t="s">
        <v>974</v>
      </c>
      <c r="B966" s="2">
        <v>14</v>
      </c>
      <c r="C966" t="s">
        <v>13</v>
      </c>
      <c r="D966" s="2">
        <v>277</v>
      </c>
      <c r="E966">
        <v>30</v>
      </c>
      <c r="F966" s="3">
        <v>3.6</v>
      </c>
      <c r="G966" t="s">
        <v>187</v>
      </c>
      <c r="H966" s="3">
        <v>3</v>
      </c>
      <c r="I966" s="3">
        <v>4</v>
      </c>
    </row>
    <row r="967" spans="1:9" x14ac:dyDescent="0.25">
      <c r="A967" s="1" t="s">
        <v>975</v>
      </c>
      <c r="B967" s="2">
        <v>15</v>
      </c>
      <c r="C967" t="s">
        <v>13</v>
      </c>
      <c r="D967" s="2">
        <v>480</v>
      </c>
      <c r="E967">
        <v>30</v>
      </c>
      <c r="F967" s="3">
        <v>4.8</v>
      </c>
      <c r="G967" t="s">
        <v>187</v>
      </c>
      <c r="H967" s="3">
        <v>3</v>
      </c>
      <c r="I967" s="3">
        <v>4</v>
      </c>
    </row>
    <row r="968" spans="1:9" x14ac:dyDescent="0.25">
      <c r="A968" s="1" t="s">
        <v>976</v>
      </c>
      <c r="B968" s="2">
        <v>26</v>
      </c>
      <c r="C968" t="s">
        <v>13</v>
      </c>
      <c r="D968" s="2">
        <v>120</v>
      </c>
      <c r="E968">
        <v>2.5</v>
      </c>
      <c r="F968" s="3">
        <v>0.1</v>
      </c>
      <c r="G968" t="s">
        <v>187</v>
      </c>
      <c r="H968" s="3">
        <v>3</v>
      </c>
      <c r="I968" s="3">
        <v>3</v>
      </c>
    </row>
    <row r="969" spans="1:9" x14ac:dyDescent="0.25">
      <c r="A969" s="1" t="s">
        <v>977</v>
      </c>
      <c r="B969" s="2">
        <v>26</v>
      </c>
      <c r="C969" t="s">
        <v>13</v>
      </c>
      <c r="D969" s="2">
        <v>240</v>
      </c>
      <c r="E969">
        <v>2.5</v>
      </c>
      <c r="F969" s="3">
        <v>0.2</v>
      </c>
      <c r="G969" t="s">
        <v>187</v>
      </c>
      <c r="H969" s="3">
        <v>3</v>
      </c>
      <c r="I969" s="3">
        <v>3</v>
      </c>
    </row>
    <row r="970" spans="1:9" x14ac:dyDescent="0.25">
      <c r="A970" s="1" t="s">
        <v>978</v>
      </c>
      <c r="B970" s="2">
        <v>26</v>
      </c>
      <c r="C970" t="s">
        <v>13</v>
      </c>
      <c r="D970" s="2">
        <v>480</v>
      </c>
      <c r="E970">
        <v>2.5</v>
      </c>
      <c r="F970" s="3">
        <v>0.4</v>
      </c>
      <c r="G970" t="s">
        <v>187</v>
      </c>
      <c r="H970" s="3">
        <v>3</v>
      </c>
      <c r="I970" s="3">
        <v>3</v>
      </c>
    </row>
    <row r="971" spans="1:9" x14ac:dyDescent="0.25">
      <c r="A971" s="1" t="s">
        <v>979</v>
      </c>
      <c r="B971" s="2">
        <v>5</v>
      </c>
      <c r="C971" t="s">
        <v>13</v>
      </c>
      <c r="D971" s="2">
        <v>120</v>
      </c>
      <c r="E971">
        <v>2.5</v>
      </c>
      <c r="F971" s="3">
        <v>0.1</v>
      </c>
      <c r="G971" t="s">
        <v>187</v>
      </c>
      <c r="H971" s="3">
        <v>3</v>
      </c>
      <c r="I971" s="3">
        <v>3</v>
      </c>
    </row>
    <row r="972" spans="1:9" x14ac:dyDescent="0.25">
      <c r="A972" s="1" t="s">
        <v>980</v>
      </c>
      <c r="B972" s="2">
        <v>5</v>
      </c>
      <c r="C972" t="s">
        <v>13</v>
      </c>
      <c r="D972" s="2">
        <v>240</v>
      </c>
      <c r="E972">
        <v>2.5</v>
      </c>
      <c r="F972" s="3">
        <v>0.2</v>
      </c>
      <c r="G972" t="s">
        <v>187</v>
      </c>
      <c r="H972" s="3">
        <v>3</v>
      </c>
      <c r="I972" s="3">
        <v>3</v>
      </c>
    </row>
    <row r="973" spans="1:9" x14ac:dyDescent="0.25">
      <c r="A973" s="1" t="s">
        <v>981</v>
      </c>
      <c r="B973" s="2">
        <v>5</v>
      </c>
      <c r="C973" t="s">
        <v>13</v>
      </c>
      <c r="D973" s="2">
        <v>480</v>
      </c>
      <c r="E973">
        <v>2.5</v>
      </c>
      <c r="F973" s="3">
        <v>0.4</v>
      </c>
      <c r="G973" t="s">
        <v>187</v>
      </c>
      <c r="H973" s="3">
        <v>3</v>
      </c>
      <c r="I973" s="3">
        <v>3</v>
      </c>
    </row>
    <row r="974" spans="1:9" x14ac:dyDescent="0.25">
      <c r="A974" s="1" t="s">
        <v>982</v>
      </c>
      <c r="B974" s="2">
        <v>6</v>
      </c>
      <c r="C974" t="s">
        <v>13</v>
      </c>
      <c r="D974" s="2">
        <v>69</v>
      </c>
      <c r="E974">
        <v>2.5</v>
      </c>
      <c r="F974" s="3">
        <v>0.09</v>
      </c>
      <c r="G974" t="s">
        <v>187</v>
      </c>
      <c r="H974" s="3">
        <v>3</v>
      </c>
      <c r="I974" s="3">
        <v>4</v>
      </c>
    </row>
    <row r="975" spans="1:9" x14ac:dyDescent="0.25">
      <c r="A975" s="1" t="s">
        <v>983</v>
      </c>
      <c r="B975" s="2">
        <v>6</v>
      </c>
      <c r="C975" t="s">
        <v>13</v>
      </c>
      <c r="D975" s="2">
        <v>120</v>
      </c>
      <c r="E975">
        <v>2.5</v>
      </c>
      <c r="F975" s="3">
        <v>0.15</v>
      </c>
      <c r="G975" t="s">
        <v>187</v>
      </c>
      <c r="H975" s="3">
        <v>3</v>
      </c>
      <c r="I975" s="3">
        <v>4</v>
      </c>
    </row>
    <row r="976" spans="1:9" x14ac:dyDescent="0.25">
      <c r="A976" s="1" t="s">
        <v>984</v>
      </c>
      <c r="B976" s="2">
        <v>6</v>
      </c>
      <c r="C976" t="s">
        <v>13</v>
      </c>
      <c r="D976" s="2">
        <v>277</v>
      </c>
      <c r="E976">
        <v>2.5</v>
      </c>
      <c r="F976" s="3">
        <v>0.3</v>
      </c>
      <c r="G976" t="s">
        <v>187</v>
      </c>
      <c r="H976" s="3">
        <v>3</v>
      </c>
      <c r="I976" s="3">
        <v>4</v>
      </c>
    </row>
    <row r="977" spans="1:10" x14ac:dyDescent="0.25">
      <c r="A977" s="1" t="s">
        <v>985</v>
      </c>
      <c r="B977" s="2">
        <v>8</v>
      </c>
      <c r="C977" t="s">
        <v>13</v>
      </c>
      <c r="D977" s="2">
        <v>120</v>
      </c>
      <c r="E977">
        <v>2.5</v>
      </c>
      <c r="F977" s="3">
        <v>0.1</v>
      </c>
      <c r="G977" t="s">
        <v>187</v>
      </c>
      <c r="H977" s="3">
        <v>3</v>
      </c>
      <c r="I977" s="3">
        <v>4</v>
      </c>
    </row>
    <row r="978" spans="1:10" x14ac:dyDescent="0.25">
      <c r="A978" s="1" t="s">
        <v>986</v>
      </c>
      <c r="B978" s="2">
        <v>8</v>
      </c>
      <c r="C978" t="s">
        <v>13</v>
      </c>
      <c r="D978" s="2">
        <v>480</v>
      </c>
      <c r="E978">
        <v>2.5</v>
      </c>
      <c r="F978" s="3">
        <v>0.4</v>
      </c>
      <c r="G978" t="s">
        <v>187</v>
      </c>
      <c r="H978" s="3">
        <v>3</v>
      </c>
      <c r="I978" s="3">
        <v>4</v>
      </c>
    </row>
    <row r="979" spans="1:10" x14ac:dyDescent="0.25">
      <c r="A979" s="1" t="s">
        <v>987</v>
      </c>
      <c r="B979" s="2">
        <v>9</v>
      </c>
      <c r="C979" t="s">
        <v>13</v>
      </c>
      <c r="D979" s="2">
        <v>69</v>
      </c>
      <c r="E979">
        <v>2.5</v>
      </c>
      <c r="F979" s="3">
        <v>0.09</v>
      </c>
      <c r="G979" t="s">
        <v>187</v>
      </c>
      <c r="H979" s="3">
        <v>3</v>
      </c>
      <c r="I979" s="3">
        <v>4</v>
      </c>
    </row>
    <row r="980" spans="1:10" x14ac:dyDescent="0.25">
      <c r="A980" s="1" t="s">
        <v>988</v>
      </c>
      <c r="B980" s="2">
        <v>9</v>
      </c>
      <c r="C980" t="s">
        <v>13</v>
      </c>
      <c r="D980" s="2">
        <v>277</v>
      </c>
      <c r="E980">
        <v>2.5</v>
      </c>
      <c r="F980" s="3">
        <v>0.3</v>
      </c>
      <c r="G980" t="s">
        <v>187</v>
      </c>
      <c r="H980" s="3">
        <v>3</v>
      </c>
      <c r="I980" s="3">
        <v>4</v>
      </c>
    </row>
    <row r="981" spans="1:10" x14ac:dyDescent="0.25">
      <c r="A981" s="1" t="s">
        <v>989</v>
      </c>
      <c r="B981" s="2">
        <v>12</v>
      </c>
      <c r="C981" t="s">
        <v>13</v>
      </c>
      <c r="D981" s="2">
        <v>120</v>
      </c>
      <c r="E981">
        <v>50</v>
      </c>
      <c r="F981" s="3">
        <v>24</v>
      </c>
      <c r="G981" t="s">
        <v>187</v>
      </c>
      <c r="H981" s="3">
        <v>3</v>
      </c>
      <c r="I981" s="3">
        <v>3</v>
      </c>
    </row>
    <row r="982" spans="1:10" x14ac:dyDescent="0.25">
      <c r="A982" s="1" t="s">
        <v>990</v>
      </c>
      <c r="B982" s="2">
        <v>9</v>
      </c>
      <c r="C982" t="s">
        <v>13</v>
      </c>
      <c r="D982" s="2">
        <v>120</v>
      </c>
      <c r="E982">
        <v>2.5</v>
      </c>
      <c r="F982" s="3">
        <v>1.8</v>
      </c>
      <c r="G982">
        <v>83.333333333333329</v>
      </c>
      <c r="H982" s="3">
        <v>3</v>
      </c>
      <c r="I982" s="3">
        <v>4</v>
      </c>
    </row>
    <row r="983" spans="1:10" x14ac:dyDescent="0.25">
      <c r="A983" s="1" t="s">
        <v>991</v>
      </c>
      <c r="B983" s="2">
        <v>6</v>
      </c>
      <c r="C983" t="s">
        <v>27</v>
      </c>
      <c r="D983" s="2">
        <v>277</v>
      </c>
      <c r="E983">
        <v>2.5</v>
      </c>
      <c r="F983" s="3">
        <v>7.2</v>
      </c>
      <c r="G983">
        <v>55.555555555555557</v>
      </c>
      <c r="H983" s="3">
        <v>3</v>
      </c>
      <c r="I983" s="3">
        <v>4</v>
      </c>
    </row>
    <row r="984" spans="1:10" x14ac:dyDescent="0.25">
      <c r="A984" s="1" t="s">
        <v>992</v>
      </c>
      <c r="B984" s="2">
        <v>6</v>
      </c>
      <c r="C984" t="s">
        <v>27</v>
      </c>
      <c r="D984" s="2">
        <v>277</v>
      </c>
      <c r="E984">
        <v>2.5</v>
      </c>
      <c r="F984" s="3">
        <v>3.6</v>
      </c>
      <c r="G984">
        <v>55.555555555555557</v>
      </c>
      <c r="H984" s="3">
        <v>3</v>
      </c>
      <c r="I984" s="3">
        <v>4</v>
      </c>
    </row>
    <row r="985" spans="1:10" x14ac:dyDescent="0.25">
      <c r="A985" s="1" t="s">
        <v>993</v>
      </c>
      <c r="B985" s="2">
        <v>6</v>
      </c>
      <c r="C985" t="s">
        <v>27</v>
      </c>
      <c r="D985" s="2">
        <v>120</v>
      </c>
      <c r="E985">
        <v>2.5</v>
      </c>
      <c r="F985" s="3">
        <v>1.8</v>
      </c>
      <c r="G985">
        <v>166.66666666666666</v>
      </c>
      <c r="H985" s="3">
        <v>3</v>
      </c>
      <c r="I985" s="3">
        <v>4</v>
      </c>
    </row>
    <row r="986" spans="1:10" x14ac:dyDescent="0.25">
      <c r="A986" s="1" t="s">
        <v>994</v>
      </c>
      <c r="B986" s="2">
        <v>6</v>
      </c>
      <c r="C986" t="s">
        <v>27</v>
      </c>
      <c r="D986" s="2">
        <v>120</v>
      </c>
      <c r="E986">
        <v>2.5</v>
      </c>
      <c r="F986" s="3">
        <v>1.8</v>
      </c>
      <c r="G986">
        <v>111.11111111111111</v>
      </c>
      <c r="H986" s="3">
        <v>3</v>
      </c>
      <c r="I986" s="3">
        <v>4</v>
      </c>
    </row>
    <row r="987" spans="1:10" x14ac:dyDescent="0.25">
      <c r="A987" s="1" t="s">
        <v>995</v>
      </c>
      <c r="B987" s="2">
        <v>9</v>
      </c>
      <c r="C987" t="s">
        <v>27</v>
      </c>
      <c r="D987" s="2">
        <v>120</v>
      </c>
      <c r="E987">
        <v>2.5</v>
      </c>
      <c r="F987" s="3">
        <v>1.8</v>
      </c>
      <c r="G987">
        <v>111.11111111111111</v>
      </c>
      <c r="H987" s="3">
        <v>3</v>
      </c>
      <c r="I987" s="3">
        <v>4</v>
      </c>
    </row>
    <row r="988" spans="1:10" x14ac:dyDescent="0.25">
      <c r="A988" s="1" t="s">
        <v>996</v>
      </c>
      <c r="B988" s="2">
        <v>5</v>
      </c>
      <c r="C988" t="s">
        <v>27</v>
      </c>
      <c r="D988" s="2">
        <v>120</v>
      </c>
      <c r="E988">
        <v>2.5</v>
      </c>
      <c r="F988" s="3">
        <v>1.2</v>
      </c>
      <c r="G988">
        <v>166.66666666666666</v>
      </c>
      <c r="H988" s="3">
        <v>3</v>
      </c>
      <c r="I988" s="3">
        <v>3</v>
      </c>
    </row>
    <row r="989" spans="1:10" x14ac:dyDescent="0.25">
      <c r="A989" s="1" t="s">
        <v>997</v>
      </c>
      <c r="B989" s="2">
        <v>6</v>
      </c>
      <c r="C989" t="s">
        <v>27</v>
      </c>
      <c r="D989" s="2">
        <v>120</v>
      </c>
      <c r="E989">
        <v>2.5</v>
      </c>
      <c r="F989" s="3">
        <v>3.6</v>
      </c>
      <c r="G989" t="s">
        <v>187</v>
      </c>
      <c r="H989" s="3">
        <v>3</v>
      </c>
      <c r="I989" s="3">
        <v>4</v>
      </c>
    </row>
    <row r="990" spans="1:10" x14ac:dyDescent="0.25">
      <c r="A990" s="1" t="s">
        <v>998</v>
      </c>
      <c r="B990" s="2">
        <v>9</v>
      </c>
      <c r="C990" t="s">
        <v>13</v>
      </c>
      <c r="D990" s="2">
        <v>277</v>
      </c>
      <c r="E990">
        <v>5</v>
      </c>
      <c r="F990" s="3">
        <v>3</v>
      </c>
      <c r="G990" t="s">
        <v>187</v>
      </c>
      <c r="H990" s="3">
        <v>3</v>
      </c>
      <c r="I990" s="3">
        <v>4</v>
      </c>
      <c r="J990" s="3">
        <v>0.3</v>
      </c>
    </row>
    <row r="991" spans="1:10" x14ac:dyDescent="0.25">
      <c r="A991" s="1" t="s">
        <v>999</v>
      </c>
      <c r="B991" s="2">
        <v>10</v>
      </c>
      <c r="C991" t="s">
        <v>13</v>
      </c>
      <c r="D991" s="2">
        <v>69</v>
      </c>
      <c r="E991">
        <v>2.5</v>
      </c>
      <c r="F991" s="3">
        <v>0.09</v>
      </c>
      <c r="G991" t="s">
        <v>187</v>
      </c>
      <c r="H991" s="3">
        <v>3</v>
      </c>
      <c r="I991" s="3">
        <v>4</v>
      </c>
    </row>
    <row r="992" spans="1:10" x14ac:dyDescent="0.25">
      <c r="A992" s="1" t="s">
        <v>1000</v>
      </c>
      <c r="B992" s="2">
        <v>10</v>
      </c>
      <c r="C992" t="s">
        <v>13</v>
      </c>
      <c r="D992" s="2">
        <v>120</v>
      </c>
      <c r="E992">
        <v>2.5</v>
      </c>
      <c r="F992" s="3">
        <v>0.15</v>
      </c>
      <c r="G992" t="s">
        <v>187</v>
      </c>
      <c r="H992" s="3">
        <v>3</v>
      </c>
      <c r="I992" s="3">
        <v>4</v>
      </c>
    </row>
    <row r="993" spans="1:9" x14ac:dyDescent="0.25">
      <c r="A993" s="1" t="s">
        <v>1001</v>
      </c>
      <c r="B993" s="2">
        <v>10</v>
      </c>
      <c r="C993" t="s">
        <v>13</v>
      </c>
      <c r="D993" s="2">
        <v>277</v>
      </c>
      <c r="E993">
        <v>2.5</v>
      </c>
      <c r="F993" s="3">
        <v>0.3</v>
      </c>
      <c r="G993" t="s">
        <v>187</v>
      </c>
      <c r="H993" s="3">
        <v>3</v>
      </c>
      <c r="I993" s="3">
        <v>4</v>
      </c>
    </row>
    <row r="994" spans="1:9" x14ac:dyDescent="0.25">
      <c r="A994" s="1" t="s">
        <v>1002</v>
      </c>
      <c r="B994" s="2">
        <v>14</v>
      </c>
      <c r="C994" t="s">
        <v>22</v>
      </c>
      <c r="D994" s="2">
        <v>120</v>
      </c>
      <c r="E994">
        <v>30</v>
      </c>
      <c r="F994" s="3">
        <v>21.6</v>
      </c>
      <c r="G994" t="s">
        <v>187</v>
      </c>
      <c r="H994" s="3">
        <v>3</v>
      </c>
      <c r="I994" s="3">
        <v>4</v>
      </c>
    </row>
    <row r="995" spans="1:9" x14ac:dyDescent="0.25">
      <c r="A995" s="1" t="s">
        <v>1003</v>
      </c>
      <c r="B995" s="2">
        <v>14</v>
      </c>
      <c r="C995" t="s">
        <v>22</v>
      </c>
      <c r="D995" s="2">
        <v>277</v>
      </c>
      <c r="E995">
        <v>30</v>
      </c>
      <c r="F995" s="3">
        <v>43.2</v>
      </c>
      <c r="G995" t="s">
        <v>187</v>
      </c>
      <c r="H995" s="3">
        <v>3</v>
      </c>
      <c r="I995" s="3">
        <v>4</v>
      </c>
    </row>
    <row r="996" spans="1:9" x14ac:dyDescent="0.25">
      <c r="A996" s="1" t="s">
        <v>1004</v>
      </c>
      <c r="B996" s="2">
        <v>15</v>
      </c>
      <c r="C996" t="s">
        <v>22</v>
      </c>
      <c r="D996" s="2">
        <v>240</v>
      </c>
      <c r="E996">
        <v>30</v>
      </c>
      <c r="F996" s="3">
        <v>28.8</v>
      </c>
      <c r="G996" t="s">
        <v>187</v>
      </c>
      <c r="H996" s="3">
        <v>3</v>
      </c>
      <c r="I996" s="3">
        <v>4</v>
      </c>
    </row>
    <row r="997" spans="1:9" x14ac:dyDescent="0.25">
      <c r="A997" s="1" t="s">
        <v>1005</v>
      </c>
      <c r="B997" s="2">
        <v>5</v>
      </c>
      <c r="C997" t="s">
        <v>13</v>
      </c>
      <c r="D997" s="2">
        <v>277</v>
      </c>
      <c r="E997">
        <v>5</v>
      </c>
      <c r="F997" s="3">
        <v>2.4</v>
      </c>
      <c r="G997">
        <v>41.666666666666664</v>
      </c>
      <c r="H997" s="3">
        <v>3</v>
      </c>
      <c r="I997" s="3">
        <v>3</v>
      </c>
    </row>
    <row r="998" spans="1:9" x14ac:dyDescent="0.25">
      <c r="A998" s="1" t="s">
        <v>1006</v>
      </c>
      <c r="B998" s="2">
        <v>15</v>
      </c>
      <c r="C998" t="s">
        <v>13</v>
      </c>
      <c r="D998" s="2">
        <v>480</v>
      </c>
      <c r="E998">
        <v>30</v>
      </c>
      <c r="F998" s="3">
        <v>57.6</v>
      </c>
      <c r="G998">
        <v>1.7361111111111112</v>
      </c>
      <c r="H998" s="3">
        <v>3</v>
      </c>
      <c r="I998" s="3">
        <v>4</v>
      </c>
    </row>
    <row r="999" spans="1:9" x14ac:dyDescent="0.25">
      <c r="A999" s="1" t="s">
        <v>1007</v>
      </c>
      <c r="B999" s="2">
        <v>8</v>
      </c>
      <c r="C999" t="s">
        <v>13</v>
      </c>
      <c r="D999" s="2">
        <v>120</v>
      </c>
      <c r="E999">
        <v>2.5</v>
      </c>
      <c r="F999" s="3">
        <v>1.2</v>
      </c>
      <c r="G999">
        <v>166.66666666666666</v>
      </c>
      <c r="H999" s="3">
        <v>3</v>
      </c>
      <c r="I999" s="3">
        <v>4</v>
      </c>
    </row>
    <row r="1000" spans="1:9" x14ac:dyDescent="0.25">
      <c r="A1000" s="1" t="s">
        <v>1008</v>
      </c>
      <c r="B1000" s="2">
        <v>6</v>
      </c>
      <c r="C1000" t="s">
        <v>13</v>
      </c>
      <c r="D1000" s="2">
        <v>240</v>
      </c>
      <c r="E1000">
        <v>2.5</v>
      </c>
      <c r="F1000" s="3">
        <v>3.6</v>
      </c>
      <c r="G1000">
        <v>55.555555555555557</v>
      </c>
      <c r="H1000" s="3">
        <v>3</v>
      </c>
      <c r="I1000" s="3">
        <v>4</v>
      </c>
    </row>
    <row r="1001" spans="1:9" x14ac:dyDescent="0.25">
      <c r="A1001" s="1" t="s">
        <v>1009</v>
      </c>
      <c r="B1001" s="2">
        <v>6</v>
      </c>
      <c r="C1001" t="s">
        <v>22</v>
      </c>
      <c r="D1001" s="2">
        <v>240</v>
      </c>
      <c r="E1001">
        <v>2.5</v>
      </c>
      <c r="F1001" s="3">
        <v>3.6</v>
      </c>
      <c r="G1001">
        <v>55.555555555555557</v>
      </c>
      <c r="H1001" s="3">
        <v>3</v>
      </c>
      <c r="I1001" s="3">
        <v>4</v>
      </c>
    </row>
    <row r="1002" spans="1:9" x14ac:dyDescent="0.25">
      <c r="A1002" s="1" t="s">
        <v>1010</v>
      </c>
      <c r="B1002" s="2">
        <v>8</v>
      </c>
      <c r="C1002" t="s">
        <v>22</v>
      </c>
      <c r="D1002" s="2">
        <v>120</v>
      </c>
      <c r="E1002">
        <v>2.5</v>
      </c>
      <c r="F1002" s="3">
        <v>1.2</v>
      </c>
      <c r="G1002">
        <v>166.66666666666666</v>
      </c>
      <c r="H1002" s="3">
        <v>3</v>
      </c>
      <c r="I1002" s="3">
        <v>4</v>
      </c>
    </row>
    <row r="1003" spans="1:9" x14ac:dyDescent="0.25">
      <c r="A1003" s="1" t="s">
        <v>1011</v>
      </c>
      <c r="B1003" s="2">
        <v>26</v>
      </c>
      <c r="C1003" t="s">
        <v>13</v>
      </c>
      <c r="D1003" s="2">
        <v>240</v>
      </c>
      <c r="E1003">
        <v>2.5</v>
      </c>
      <c r="F1003" s="3">
        <v>2.4</v>
      </c>
      <c r="G1003">
        <v>83.333333333333329</v>
      </c>
      <c r="H1003" s="3">
        <v>3</v>
      </c>
      <c r="I1003" s="3">
        <v>3</v>
      </c>
    </row>
    <row r="1004" spans="1:9" x14ac:dyDescent="0.25">
      <c r="A1004" s="1" t="s">
        <v>1012</v>
      </c>
      <c r="B1004" s="2">
        <v>1</v>
      </c>
      <c r="C1004" t="s">
        <v>13</v>
      </c>
      <c r="D1004" s="2">
        <v>240</v>
      </c>
      <c r="E1004">
        <v>2.5</v>
      </c>
      <c r="F1004" s="3">
        <v>0.6</v>
      </c>
      <c r="G1004">
        <v>166.66666666666666</v>
      </c>
      <c r="H1004" s="3">
        <v>1</v>
      </c>
      <c r="I1004" s="3">
        <v>2</v>
      </c>
    </row>
    <row r="1005" spans="1:9" x14ac:dyDescent="0.25">
      <c r="A1005" s="1" t="s">
        <v>1013</v>
      </c>
      <c r="B1005" s="2">
        <v>1</v>
      </c>
      <c r="C1005" t="s">
        <v>13</v>
      </c>
      <c r="D1005" s="2">
        <v>120</v>
      </c>
      <c r="E1005">
        <v>2.5</v>
      </c>
      <c r="F1005" s="3">
        <v>0.3</v>
      </c>
      <c r="G1005">
        <v>166.66666666666666</v>
      </c>
      <c r="H1005" s="3">
        <v>1</v>
      </c>
      <c r="I1005" s="3">
        <v>2</v>
      </c>
    </row>
    <row r="1006" spans="1:9" x14ac:dyDescent="0.25">
      <c r="A1006" s="1" t="s">
        <v>1014</v>
      </c>
      <c r="B1006" s="2">
        <v>12</v>
      </c>
      <c r="C1006" t="s">
        <v>13</v>
      </c>
      <c r="D1006" s="2">
        <v>120</v>
      </c>
      <c r="E1006">
        <v>30</v>
      </c>
      <c r="F1006" s="3">
        <v>14.4</v>
      </c>
      <c r="G1006">
        <v>83.333333333333329</v>
      </c>
      <c r="H1006" s="3">
        <v>3</v>
      </c>
      <c r="I1006" s="3">
        <v>3</v>
      </c>
    </row>
    <row r="1007" spans="1:9" x14ac:dyDescent="0.25">
      <c r="A1007" s="1" t="s">
        <v>1015</v>
      </c>
      <c r="B1007" s="2">
        <v>13</v>
      </c>
      <c r="C1007" t="s">
        <v>13</v>
      </c>
      <c r="D1007" s="2">
        <v>240</v>
      </c>
      <c r="E1007">
        <v>15</v>
      </c>
      <c r="F1007" s="3">
        <v>14.4</v>
      </c>
      <c r="G1007">
        <v>166.66666666666666</v>
      </c>
      <c r="H1007" s="3">
        <v>3</v>
      </c>
      <c r="I1007" s="3">
        <v>3</v>
      </c>
    </row>
    <row r="1008" spans="1:9" x14ac:dyDescent="0.25">
      <c r="A1008" s="1" t="s">
        <v>1016</v>
      </c>
      <c r="B1008" s="2">
        <v>2</v>
      </c>
      <c r="C1008" t="s">
        <v>13</v>
      </c>
      <c r="D1008" s="2">
        <v>240</v>
      </c>
      <c r="E1008">
        <v>2.5</v>
      </c>
      <c r="F1008" s="3">
        <v>0.6</v>
      </c>
      <c r="G1008">
        <v>333.33333333333331</v>
      </c>
      <c r="H1008" s="3">
        <v>1</v>
      </c>
      <c r="I1008" s="3">
        <v>3</v>
      </c>
    </row>
    <row r="1009" spans="1:9" x14ac:dyDescent="0.25">
      <c r="A1009" s="1" t="s">
        <v>1017</v>
      </c>
      <c r="B1009" s="2">
        <v>6</v>
      </c>
      <c r="C1009" t="s">
        <v>13</v>
      </c>
      <c r="D1009" s="2">
        <v>120</v>
      </c>
      <c r="E1009">
        <v>30</v>
      </c>
      <c r="F1009" s="3">
        <v>21.6</v>
      </c>
      <c r="G1009">
        <v>166.66666666666666</v>
      </c>
      <c r="H1009" s="3">
        <v>3</v>
      </c>
      <c r="I1009" s="3">
        <v>4</v>
      </c>
    </row>
    <row r="1010" spans="1:9" x14ac:dyDescent="0.25">
      <c r="A1010" s="1" t="s">
        <v>1018</v>
      </c>
      <c r="B1010" s="2">
        <v>10</v>
      </c>
      <c r="C1010" t="s">
        <v>13</v>
      </c>
      <c r="D1010" s="2">
        <v>120</v>
      </c>
      <c r="E1010">
        <v>2.5</v>
      </c>
      <c r="F1010" s="3">
        <v>1.8</v>
      </c>
      <c r="G1010">
        <v>55.555555555555557</v>
      </c>
      <c r="H1010" s="3">
        <v>3</v>
      </c>
      <c r="I1010" s="3">
        <v>4</v>
      </c>
    </row>
    <row r="1011" spans="1:9" x14ac:dyDescent="0.25">
      <c r="A1011" s="1" t="s">
        <v>1019</v>
      </c>
      <c r="B1011" s="2">
        <v>6</v>
      </c>
      <c r="C1011" t="s">
        <v>22</v>
      </c>
      <c r="D1011" s="2">
        <v>240</v>
      </c>
      <c r="E1011">
        <v>2.5</v>
      </c>
      <c r="F1011" s="3">
        <v>3.6</v>
      </c>
      <c r="G1011">
        <v>27.777777777777779</v>
      </c>
      <c r="H1011" s="3">
        <v>3</v>
      </c>
      <c r="I1011" s="3">
        <v>4</v>
      </c>
    </row>
    <row r="1012" spans="1:9" x14ac:dyDescent="0.25">
      <c r="A1012" s="1" t="s">
        <v>1020</v>
      </c>
      <c r="B1012" s="2">
        <v>6</v>
      </c>
      <c r="C1012" t="s">
        <v>13</v>
      </c>
      <c r="D1012" s="2">
        <v>240</v>
      </c>
      <c r="E1012">
        <v>2.5</v>
      </c>
      <c r="F1012" s="3">
        <v>3.6</v>
      </c>
      <c r="G1012">
        <v>27.777777777777779</v>
      </c>
      <c r="H1012" s="3">
        <v>3</v>
      </c>
      <c r="I1012" s="3">
        <v>4</v>
      </c>
    </row>
    <row r="1013" spans="1:9" x14ac:dyDescent="0.25">
      <c r="A1013" s="1" t="s">
        <v>1021</v>
      </c>
      <c r="B1013" s="2">
        <v>6</v>
      </c>
      <c r="C1013" t="s">
        <v>13</v>
      </c>
      <c r="D1013" s="2">
        <v>120</v>
      </c>
      <c r="E1013">
        <v>30</v>
      </c>
      <c r="F1013" s="3">
        <v>21.6</v>
      </c>
      <c r="G1013">
        <v>333.33333333333331</v>
      </c>
      <c r="H1013" s="3">
        <v>3</v>
      </c>
      <c r="I1013" s="3">
        <v>4</v>
      </c>
    </row>
    <row r="1014" spans="1:9" x14ac:dyDescent="0.25">
      <c r="A1014" s="1" t="s">
        <v>1022</v>
      </c>
      <c r="B1014" s="2">
        <v>13</v>
      </c>
      <c r="C1014" t="s">
        <v>13</v>
      </c>
      <c r="D1014" s="2">
        <v>240</v>
      </c>
      <c r="E1014">
        <v>15</v>
      </c>
      <c r="F1014" s="3">
        <v>14.4</v>
      </c>
      <c r="G1014">
        <v>333.33333333333331</v>
      </c>
      <c r="H1014" s="3">
        <v>3</v>
      </c>
      <c r="I1014" s="3">
        <v>3</v>
      </c>
    </row>
    <row r="1015" spans="1:9" x14ac:dyDescent="0.25">
      <c r="A1015" s="1" t="s">
        <v>1023</v>
      </c>
      <c r="B1015" s="2">
        <v>5</v>
      </c>
      <c r="C1015" t="s">
        <v>27</v>
      </c>
      <c r="D1015" s="2">
        <v>120</v>
      </c>
      <c r="E1015">
        <v>10</v>
      </c>
      <c r="F1015" s="3">
        <v>0</v>
      </c>
      <c r="G1015" t="s">
        <v>187</v>
      </c>
      <c r="H1015" s="3">
        <v>3</v>
      </c>
      <c r="I1015" s="3">
        <v>3</v>
      </c>
    </row>
    <row r="1016" spans="1:9" x14ac:dyDescent="0.25">
      <c r="A1016" s="1" t="s">
        <v>1024</v>
      </c>
      <c r="B1016" s="2">
        <v>9</v>
      </c>
      <c r="C1016" t="s">
        <v>13</v>
      </c>
      <c r="D1016" s="2">
        <v>120</v>
      </c>
      <c r="E1016">
        <v>10</v>
      </c>
      <c r="F1016" s="3">
        <v>0</v>
      </c>
      <c r="G1016" t="s">
        <v>187</v>
      </c>
      <c r="H1016" s="3">
        <v>3</v>
      </c>
      <c r="I1016" s="3">
        <v>4</v>
      </c>
    </row>
    <row r="1017" spans="1:9" x14ac:dyDescent="0.25">
      <c r="A1017" s="1" t="s">
        <v>1025</v>
      </c>
      <c r="B1017" s="2">
        <v>3</v>
      </c>
      <c r="C1017" t="s">
        <v>13</v>
      </c>
      <c r="D1017" s="2">
        <v>0</v>
      </c>
      <c r="E1017">
        <v>2.5</v>
      </c>
      <c r="F1017" s="3">
        <v>0.3</v>
      </c>
      <c r="H1017" s="3">
        <v>1</v>
      </c>
      <c r="I1017" s="3">
        <v>2</v>
      </c>
    </row>
    <row r="1018" spans="1:9" x14ac:dyDescent="0.25">
      <c r="A1018" s="1" t="s">
        <v>1026</v>
      </c>
      <c r="B1018" s="2">
        <v>2</v>
      </c>
      <c r="C1018" t="s">
        <v>13</v>
      </c>
      <c r="D1018" s="2">
        <v>0</v>
      </c>
      <c r="E1018">
        <v>30</v>
      </c>
      <c r="F1018" s="3">
        <v>1.2</v>
      </c>
      <c r="H1018" s="3">
        <v>1</v>
      </c>
      <c r="I1018" s="3">
        <v>3</v>
      </c>
    </row>
    <row r="1019" spans="1:9" x14ac:dyDescent="0.25">
      <c r="A1019" s="1" t="s">
        <v>1027</v>
      </c>
      <c r="B1019" s="2">
        <v>2</v>
      </c>
      <c r="C1019" t="s">
        <v>13</v>
      </c>
      <c r="D1019" s="2">
        <v>480</v>
      </c>
      <c r="E1019">
        <v>30</v>
      </c>
      <c r="F1019" s="3">
        <v>14.4</v>
      </c>
      <c r="G1019">
        <v>69.444444444444443</v>
      </c>
      <c r="H1019" s="3">
        <v>1</v>
      </c>
      <c r="I1019" s="3">
        <v>3</v>
      </c>
    </row>
    <row r="1020" spans="1:9" x14ac:dyDescent="0.25">
      <c r="A1020" s="1" t="s">
        <v>1028</v>
      </c>
      <c r="B1020" s="2">
        <v>12</v>
      </c>
      <c r="C1020" t="s">
        <v>13</v>
      </c>
      <c r="D1020" s="2">
        <v>120</v>
      </c>
      <c r="E1020">
        <v>50</v>
      </c>
      <c r="F1020" s="3">
        <v>18</v>
      </c>
      <c r="H1020" s="3">
        <v>3</v>
      </c>
      <c r="I1020" s="3">
        <v>3</v>
      </c>
    </row>
    <row r="1021" spans="1:9" x14ac:dyDescent="0.25">
      <c r="A1021" s="1" t="s">
        <v>1029</v>
      </c>
      <c r="B1021" s="2">
        <v>36</v>
      </c>
      <c r="C1021" t="s">
        <v>13</v>
      </c>
      <c r="D1021" s="2">
        <v>0</v>
      </c>
      <c r="E1021">
        <v>2.5</v>
      </c>
      <c r="F1021" s="3">
        <v>1.8</v>
      </c>
      <c r="H1021" s="3">
        <v>3</v>
      </c>
      <c r="I1021" s="3">
        <v>4</v>
      </c>
    </row>
    <row r="1022" spans="1:9" x14ac:dyDescent="0.25">
      <c r="A1022" s="1" t="s">
        <v>1030</v>
      </c>
      <c r="B1022" s="2">
        <v>5</v>
      </c>
      <c r="C1022" t="s">
        <v>13</v>
      </c>
      <c r="D1022" s="2">
        <v>120</v>
      </c>
      <c r="E1022">
        <v>2.5</v>
      </c>
      <c r="F1022" s="3">
        <v>0.216</v>
      </c>
      <c r="H1022" s="3">
        <v>3</v>
      </c>
      <c r="I1022" s="3">
        <v>3</v>
      </c>
    </row>
    <row r="1023" spans="1:9" x14ac:dyDescent="0.25">
      <c r="A1023" s="1" t="s">
        <v>1031</v>
      </c>
      <c r="B1023" s="2">
        <v>25</v>
      </c>
      <c r="C1023" t="s">
        <v>13</v>
      </c>
      <c r="D1023" s="2">
        <v>120</v>
      </c>
      <c r="E1023">
        <v>30</v>
      </c>
      <c r="F1023" s="3">
        <v>14.4</v>
      </c>
      <c r="H1023" s="3">
        <v>3</v>
      </c>
      <c r="I1023" s="3">
        <v>3</v>
      </c>
    </row>
    <row r="1024" spans="1:9" x14ac:dyDescent="0.25">
      <c r="A1024" s="1" t="s">
        <v>1032</v>
      </c>
      <c r="B1024" s="2">
        <v>27</v>
      </c>
      <c r="C1024" t="s">
        <v>271</v>
      </c>
      <c r="D1024" s="2">
        <v>120</v>
      </c>
      <c r="E1024">
        <v>50</v>
      </c>
      <c r="F1024" s="3">
        <v>28.8</v>
      </c>
      <c r="H1024" s="3">
        <v>3</v>
      </c>
      <c r="I1024" s="3">
        <v>3</v>
      </c>
    </row>
    <row r="1025" spans="1:9" x14ac:dyDescent="0.25">
      <c r="A1025" s="1" t="s">
        <v>1033</v>
      </c>
      <c r="B1025" s="2">
        <v>2</v>
      </c>
      <c r="C1025" t="s">
        <v>13</v>
      </c>
      <c r="D1025" s="2">
        <v>0</v>
      </c>
      <c r="E1025">
        <v>30</v>
      </c>
      <c r="F1025" s="3">
        <v>3</v>
      </c>
      <c r="H1025" s="3">
        <v>1</v>
      </c>
      <c r="I1025" s="3">
        <v>3</v>
      </c>
    </row>
    <row r="1026" spans="1:9" x14ac:dyDescent="0.25">
      <c r="A1026" s="1" t="s">
        <v>1034</v>
      </c>
      <c r="B1026" s="2">
        <v>14</v>
      </c>
      <c r="C1026" t="s">
        <v>11</v>
      </c>
      <c r="D1026" s="2">
        <v>277</v>
      </c>
      <c r="E1026">
        <v>30</v>
      </c>
      <c r="F1026" s="3">
        <v>43.2</v>
      </c>
      <c r="G1026">
        <v>2.3148148148148149</v>
      </c>
      <c r="H1026" s="3">
        <v>3</v>
      </c>
      <c r="I1026" s="3">
        <v>4</v>
      </c>
    </row>
    <row r="1027" spans="1:9" x14ac:dyDescent="0.25">
      <c r="A1027" s="1" t="s">
        <v>1035</v>
      </c>
      <c r="B1027" s="2">
        <v>14</v>
      </c>
      <c r="C1027" t="s">
        <v>13</v>
      </c>
      <c r="D1027" s="2">
        <v>240</v>
      </c>
      <c r="E1027">
        <v>30</v>
      </c>
      <c r="F1027" s="3">
        <v>43.2</v>
      </c>
      <c r="G1027">
        <v>23.148148148148149</v>
      </c>
      <c r="H1027" s="3">
        <v>3</v>
      </c>
      <c r="I1027" s="3">
        <v>4</v>
      </c>
    </row>
    <row r="1028" spans="1:9" x14ac:dyDescent="0.25">
      <c r="A1028" s="1" t="s">
        <v>1036</v>
      </c>
      <c r="B1028" s="2">
        <v>16</v>
      </c>
      <c r="C1028" t="s">
        <v>13</v>
      </c>
      <c r="D1028" s="2">
        <v>277</v>
      </c>
      <c r="E1028">
        <v>50</v>
      </c>
      <c r="F1028" s="3">
        <v>86.4</v>
      </c>
      <c r="G1028" t="s">
        <v>187</v>
      </c>
      <c r="H1028" s="3">
        <v>3</v>
      </c>
      <c r="I1028" s="3">
        <v>4</v>
      </c>
    </row>
    <row r="1029" spans="1:9" x14ac:dyDescent="0.25">
      <c r="A1029" s="1" t="s">
        <v>1037</v>
      </c>
      <c r="B1029" s="2">
        <v>2</v>
      </c>
      <c r="C1029" t="s">
        <v>13</v>
      </c>
      <c r="D1029" s="2">
        <v>240</v>
      </c>
      <c r="E1029">
        <v>30</v>
      </c>
      <c r="F1029" s="3">
        <v>7.2</v>
      </c>
      <c r="G1029">
        <v>333.33333333333331</v>
      </c>
      <c r="H1029" s="3">
        <v>1</v>
      </c>
      <c r="I1029" s="3">
        <v>3</v>
      </c>
    </row>
    <row r="1030" spans="1:9" x14ac:dyDescent="0.25">
      <c r="A1030" s="1" t="s">
        <v>1038</v>
      </c>
      <c r="B1030" s="2">
        <v>14</v>
      </c>
      <c r="C1030" t="s">
        <v>271</v>
      </c>
      <c r="D1030" s="2">
        <v>120</v>
      </c>
      <c r="E1030">
        <v>50</v>
      </c>
      <c r="F1030" s="3">
        <v>43.2</v>
      </c>
      <c r="G1030" t="s">
        <v>187</v>
      </c>
      <c r="H1030" s="3">
        <v>3</v>
      </c>
      <c r="I1030" s="3">
        <v>4</v>
      </c>
    </row>
    <row r="1031" spans="1:9" x14ac:dyDescent="0.25">
      <c r="A1031" s="1" t="s">
        <v>1039</v>
      </c>
      <c r="B1031" s="2">
        <v>15</v>
      </c>
      <c r="C1031" t="s">
        <v>271</v>
      </c>
      <c r="D1031" s="2">
        <v>240</v>
      </c>
      <c r="E1031">
        <v>50</v>
      </c>
      <c r="F1031" s="3">
        <v>57.6</v>
      </c>
      <c r="G1031" t="s">
        <v>187</v>
      </c>
      <c r="H1031" s="3">
        <v>3</v>
      </c>
      <c r="I1031" s="3">
        <v>4</v>
      </c>
    </row>
    <row r="1032" spans="1:9" x14ac:dyDescent="0.25">
      <c r="A1032" s="1" t="s">
        <v>1040</v>
      </c>
      <c r="B1032" s="2">
        <v>8</v>
      </c>
      <c r="C1032" t="s">
        <v>22</v>
      </c>
      <c r="D1032" s="2">
        <v>480</v>
      </c>
      <c r="E1032">
        <v>2.5</v>
      </c>
      <c r="F1032" s="3">
        <v>4.8</v>
      </c>
      <c r="G1032">
        <v>41.666666666666664</v>
      </c>
      <c r="H1032" s="3">
        <v>3</v>
      </c>
      <c r="I1032" s="3">
        <v>4</v>
      </c>
    </row>
    <row r="1033" spans="1:9" x14ac:dyDescent="0.25">
      <c r="A1033" s="1" t="s">
        <v>1041</v>
      </c>
      <c r="B1033" s="2">
        <v>2</v>
      </c>
      <c r="C1033" t="s">
        <v>13</v>
      </c>
      <c r="D1033" s="2">
        <v>240</v>
      </c>
      <c r="E1033">
        <v>50</v>
      </c>
      <c r="F1033" s="3">
        <v>12</v>
      </c>
      <c r="G1033">
        <v>16.666666666666668</v>
      </c>
      <c r="H1033" s="3">
        <v>1</v>
      </c>
      <c r="I1033" s="3">
        <v>3</v>
      </c>
    </row>
    <row r="1034" spans="1:9" x14ac:dyDescent="0.25">
      <c r="A1034" s="1" t="s">
        <v>1042</v>
      </c>
      <c r="B1034" s="2">
        <v>12</v>
      </c>
      <c r="C1034" t="s">
        <v>271</v>
      </c>
      <c r="D1034" s="2">
        <v>120</v>
      </c>
      <c r="E1034">
        <v>50</v>
      </c>
      <c r="F1034" s="3">
        <v>28.8</v>
      </c>
      <c r="G1034" t="s">
        <v>187</v>
      </c>
      <c r="H1034" s="3">
        <v>3</v>
      </c>
      <c r="I1034" s="3">
        <v>3</v>
      </c>
    </row>
    <row r="1035" spans="1:9" x14ac:dyDescent="0.25">
      <c r="A1035" s="1" t="s">
        <v>1043</v>
      </c>
      <c r="B1035" s="2">
        <v>2</v>
      </c>
      <c r="C1035" t="s">
        <v>13</v>
      </c>
      <c r="D1035" s="2">
        <v>240</v>
      </c>
      <c r="E1035">
        <v>30</v>
      </c>
      <c r="F1035" s="3">
        <v>14.4</v>
      </c>
      <c r="G1035" t="s">
        <v>187</v>
      </c>
      <c r="H1035" s="3">
        <v>1</v>
      </c>
      <c r="I1035" s="3">
        <v>3</v>
      </c>
    </row>
    <row r="1036" spans="1:9" x14ac:dyDescent="0.25">
      <c r="A1036" s="1" t="s">
        <v>1044</v>
      </c>
      <c r="B1036" s="2">
        <v>13</v>
      </c>
      <c r="C1036" t="s">
        <v>13</v>
      </c>
      <c r="D1036" s="2">
        <v>120</v>
      </c>
      <c r="E1036">
        <v>30</v>
      </c>
      <c r="F1036" s="3">
        <v>14.4</v>
      </c>
      <c r="G1036">
        <v>13.888888888888889</v>
      </c>
      <c r="H1036" s="3">
        <v>3</v>
      </c>
      <c r="I1036" s="3">
        <v>3</v>
      </c>
    </row>
    <row r="1037" spans="1:9" x14ac:dyDescent="0.25">
      <c r="A1037" s="1" t="s">
        <v>1045</v>
      </c>
      <c r="B1037" s="2">
        <v>13</v>
      </c>
      <c r="C1037" t="s">
        <v>13</v>
      </c>
      <c r="D1037" s="2">
        <v>240</v>
      </c>
      <c r="E1037">
        <v>30</v>
      </c>
      <c r="F1037" s="3">
        <v>28.8</v>
      </c>
      <c r="G1037">
        <v>6.9444444444444446</v>
      </c>
      <c r="H1037" s="3">
        <v>3</v>
      </c>
      <c r="I1037" s="3">
        <v>3</v>
      </c>
    </row>
    <row r="1038" spans="1:9" x14ac:dyDescent="0.25">
      <c r="A1038" s="1" t="s">
        <v>1046</v>
      </c>
      <c r="B1038" s="2">
        <v>13</v>
      </c>
      <c r="C1038" t="s">
        <v>13</v>
      </c>
      <c r="D1038" s="2">
        <v>480</v>
      </c>
      <c r="E1038">
        <v>30</v>
      </c>
      <c r="F1038" s="3">
        <v>57.6</v>
      </c>
      <c r="G1038">
        <v>3.4722222222222223</v>
      </c>
      <c r="H1038" s="3">
        <v>3</v>
      </c>
      <c r="I1038" s="3">
        <v>3</v>
      </c>
    </row>
    <row r="1039" spans="1:9" x14ac:dyDescent="0.25">
      <c r="A1039" s="1" t="s">
        <v>1047</v>
      </c>
      <c r="B1039" s="2">
        <v>8</v>
      </c>
      <c r="C1039" t="s">
        <v>13</v>
      </c>
      <c r="D1039" s="2">
        <v>120</v>
      </c>
      <c r="E1039">
        <v>2.5</v>
      </c>
      <c r="F1039" s="3">
        <v>5</v>
      </c>
      <c r="G1039" t="s">
        <v>187</v>
      </c>
      <c r="H1039" s="3">
        <v>3</v>
      </c>
      <c r="I1039" s="3">
        <v>4</v>
      </c>
    </row>
    <row r="1040" spans="1:9" x14ac:dyDescent="0.25">
      <c r="A1040" s="1" t="s">
        <v>1048</v>
      </c>
      <c r="B1040" s="2">
        <v>14</v>
      </c>
      <c r="C1040" t="s">
        <v>271</v>
      </c>
      <c r="D1040" s="2">
        <v>277</v>
      </c>
      <c r="E1040">
        <v>50</v>
      </c>
      <c r="F1040" s="3">
        <v>86.4</v>
      </c>
      <c r="G1040" t="s">
        <v>187</v>
      </c>
      <c r="H1040" s="3">
        <v>3</v>
      </c>
      <c r="I1040" s="3">
        <v>4</v>
      </c>
    </row>
    <row r="1041" spans="1:9" x14ac:dyDescent="0.25">
      <c r="A1041" s="1" t="s">
        <v>1049</v>
      </c>
      <c r="B1041" s="2">
        <v>5</v>
      </c>
      <c r="C1041" t="s">
        <v>13</v>
      </c>
      <c r="D1041" s="2">
        <v>120</v>
      </c>
      <c r="E1041">
        <v>5</v>
      </c>
      <c r="F1041" s="3">
        <v>1.2</v>
      </c>
      <c r="G1041">
        <v>83.333333333333329</v>
      </c>
      <c r="H1041" s="3">
        <v>3</v>
      </c>
      <c r="I1041" s="3">
        <v>3</v>
      </c>
    </row>
    <row r="1042" spans="1:9" x14ac:dyDescent="0.25">
      <c r="A1042" s="1" t="s">
        <v>1050</v>
      </c>
      <c r="B1042" s="2">
        <v>9</v>
      </c>
      <c r="C1042" t="s">
        <v>27</v>
      </c>
      <c r="D1042" s="2">
        <v>120</v>
      </c>
      <c r="E1042">
        <v>10</v>
      </c>
      <c r="F1042" s="3">
        <v>0</v>
      </c>
      <c r="G1042" t="s">
        <v>187</v>
      </c>
      <c r="H1042" s="3">
        <v>3</v>
      </c>
      <c r="I1042" s="3">
        <v>4</v>
      </c>
    </row>
    <row r="1043" spans="1:9" x14ac:dyDescent="0.25">
      <c r="A1043" s="1" t="s">
        <v>1051</v>
      </c>
      <c r="B1043" s="2">
        <v>1</v>
      </c>
      <c r="C1043" t="s">
        <v>13</v>
      </c>
      <c r="D1043" s="2">
        <v>240</v>
      </c>
      <c r="E1043">
        <v>2.5</v>
      </c>
      <c r="F1043" s="3">
        <v>0.6</v>
      </c>
      <c r="G1043">
        <v>333.33333333333331</v>
      </c>
      <c r="H1043" s="3">
        <v>1</v>
      </c>
      <c r="I1043" s="3">
        <v>2</v>
      </c>
    </row>
    <row r="1044" spans="1:9" x14ac:dyDescent="0.25">
      <c r="A1044" s="1" t="s">
        <v>1052</v>
      </c>
      <c r="B1044" s="2">
        <v>16</v>
      </c>
      <c r="C1044" t="s">
        <v>13</v>
      </c>
      <c r="D1044" s="2">
        <v>277</v>
      </c>
      <c r="E1044">
        <v>50</v>
      </c>
      <c r="F1044" s="3">
        <v>86.4</v>
      </c>
      <c r="G1044">
        <v>2.3148148148148149</v>
      </c>
      <c r="H1044" s="3">
        <v>3</v>
      </c>
      <c r="I1044" s="3">
        <v>4</v>
      </c>
    </row>
    <row r="1045" spans="1:9" x14ac:dyDescent="0.25">
      <c r="A1045" s="1" t="s">
        <v>1053</v>
      </c>
      <c r="B1045" s="2">
        <v>5</v>
      </c>
      <c r="C1045" t="s">
        <v>13</v>
      </c>
      <c r="D1045" s="2">
        <v>120</v>
      </c>
      <c r="E1045">
        <v>10</v>
      </c>
      <c r="F1045" s="3">
        <v>0</v>
      </c>
      <c r="G1045" t="s">
        <v>187</v>
      </c>
      <c r="H1045" s="3">
        <v>3</v>
      </c>
      <c r="I1045" s="3">
        <v>3</v>
      </c>
    </row>
    <row r="1046" spans="1:9" x14ac:dyDescent="0.25">
      <c r="A1046" s="1" t="s">
        <v>1054</v>
      </c>
      <c r="B1046" s="2">
        <v>9</v>
      </c>
      <c r="C1046" t="s">
        <v>22</v>
      </c>
      <c r="D1046" s="2">
        <v>120</v>
      </c>
      <c r="E1046">
        <v>10</v>
      </c>
      <c r="F1046" s="3">
        <v>0</v>
      </c>
      <c r="G1046" t="s">
        <v>187</v>
      </c>
      <c r="H1046" s="3">
        <v>3</v>
      </c>
      <c r="I1046" s="3">
        <v>4</v>
      </c>
    </row>
    <row r="1047" spans="1:9" x14ac:dyDescent="0.25">
      <c r="A1047" s="1" t="s">
        <v>1055</v>
      </c>
      <c r="B1047" s="2">
        <v>10</v>
      </c>
      <c r="C1047" t="s">
        <v>13</v>
      </c>
      <c r="D1047" s="2">
        <v>120</v>
      </c>
      <c r="E1047">
        <v>10</v>
      </c>
      <c r="F1047" s="3">
        <v>0</v>
      </c>
      <c r="G1047" t="s">
        <v>187</v>
      </c>
      <c r="H1047" s="3">
        <v>3</v>
      </c>
      <c r="I1047" s="3">
        <v>4</v>
      </c>
    </row>
    <row r="1048" spans="1:9" x14ac:dyDescent="0.25">
      <c r="A1048" s="1" t="s">
        <v>1056</v>
      </c>
      <c r="B1048" s="2">
        <v>13</v>
      </c>
      <c r="C1048" t="s">
        <v>22</v>
      </c>
      <c r="D1048" s="2">
        <v>240</v>
      </c>
      <c r="E1048">
        <v>30</v>
      </c>
      <c r="F1048" s="3">
        <v>28.8</v>
      </c>
      <c r="G1048">
        <v>6.9444444444444446</v>
      </c>
      <c r="H1048" s="3">
        <v>3</v>
      </c>
      <c r="I1048" s="3">
        <v>3</v>
      </c>
    </row>
    <row r="1049" spans="1:9" x14ac:dyDescent="0.25">
      <c r="A1049" s="1" t="s">
        <v>1057</v>
      </c>
      <c r="B1049" s="2">
        <v>4</v>
      </c>
      <c r="C1049" t="s">
        <v>22</v>
      </c>
      <c r="D1049" s="2">
        <v>240</v>
      </c>
      <c r="E1049">
        <v>2.5</v>
      </c>
      <c r="F1049" s="3">
        <v>0.6</v>
      </c>
      <c r="G1049" t="s">
        <v>187</v>
      </c>
      <c r="H1049" s="3">
        <v>1</v>
      </c>
      <c r="I1049" s="3">
        <v>3</v>
      </c>
    </row>
    <row r="1050" spans="1:9" x14ac:dyDescent="0.25">
      <c r="A1050" s="1" t="s">
        <v>1058</v>
      </c>
      <c r="B1050" s="2">
        <v>15</v>
      </c>
      <c r="C1050" t="s">
        <v>271</v>
      </c>
      <c r="D1050" s="2">
        <v>240</v>
      </c>
      <c r="E1050">
        <v>50</v>
      </c>
      <c r="F1050" s="3">
        <v>57.6</v>
      </c>
      <c r="G1050">
        <v>13.888888888888889</v>
      </c>
      <c r="H1050" s="3">
        <v>3</v>
      </c>
      <c r="I1050" s="3">
        <v>4</v>
      </c>
    </row>
    <row r="1051" spans="1:9" x14ac:dyDescent="0.25">
      <c r="A1051" s="1" t="s">
        <v>1059</v>
      </c>
      <c r="B1051" s="2">
        <v>12</v>
      </c>
      <c r="C1051" t="s">
        <v>271</v>
      </c>
      <c r="D1051" s="2">
        <v>480</v>
      </c>
      <c r="E1051">
        <v>50</v>
      </c>
      <c r="F1051" s="3">
        <v>115.2</v>
      </c>
      <c r="G1051">
        <v>17.361111111111111</v>
      </c>
      <c r="H1051" s="3">
        <v>3</v>
      </c>
      <c r="I1051" s="3">
        <v>3</v>
      </c>
    </row>
    <row r="1052" spans="1:9" x14ac:dyDescent="0.25">
      <c r="A1052" s="1" t="s">
        <v>1060</v>
      </c>
      <c r="B1052" s="2">
        <v>1</v>
      </c>
      <c r="C1052" t="s">
        <v>13</v>
      </c>
      <c r="D1052" s="2">
        <v>120</v>
      </c>
      <c r="E1052">
        <v>30</v>
      </c>
      <c r="F1052" s="3">
        <v>0.3</v>
      </c>
      <c r="G1052" t="s">
        <v>187</v>
      </c>
      <c r="H1052" s="3">
        <v>1</v>
      </c>
      <c r="I1052" s="3">
        <v>2</v>
      </c>
    </row>
    <row r="1053" spans="1:9" x14ac:dyDescent="0.25">
      <c r="A1053" s="1" t="s">
        <v>1061</v>
      </c>
      <c r="B1053" s="2">
        <v>15</v>
      </c>
      <c r="C1053" t="s">
        <v>11</v>
      </c>
      <c r="D1053" s="2">
        <v>240</v>
      </c>
      <c r="E1053">
        <v>2.5</v>
      </c>
      <c r="F1053" s="3">
        <v>1.2</v>
      </c>
      <c r="G1053">
        <v>83.333333333333329</v>
      </c>
      <c r="H1053" s="3">
        <v>3</v>
      </c>
      <c r="I1053" s="3">
        <v>4</v>
      </c>
    </row>
    <row r="1054" spans="1:9" x14ac:dyDescent="0.25">
      <c r="A1054" s="1" t="s">
        <v>1062</v>
      </c>
      <c r="B1054" s="2">
        <v>15</v>
      </c>
      <c r="C1054" t="s">
        <v>11</v>
      </c>
      <c r="D1054" s="2">
        <v>240</v>
      </c>
      <c r="E1054">
        <v>15</v>
      </c>
      <c r="F1054" s="3">
        <v>14.4</v>
      </c>
      <c r="G1054">
        <v>6.9444444444444446</v>
      </c>
      <c r="H1054" s="3">
        <v>3</v>
      </c>
      <c r="I1054" s="3">
        <v>4</v>
      </c>
    </row>
    <row r="1055" spans="1:9" x14ac:dyDescent="0.25">
      <c r="A1055" s="1" t="s">
        <v>1063</v>
      </c>
      <c r="B1055" s="2">
        <v>15</v>
      </c>
      <c r="C1055" t="s">
        <v>11</v>
      </c>
      <c r="D1055" s="2">
        <v>240</v>
      </c>
      <c r="E1055">
        <v>30</v>
      </c>
      <c r="F1055" s="3">
        <v>28.8</v>
      </c>
      <c r="G1055">
        <v>3.4722222222222223</v>
      </c>
      <c r="H1055" s="3">
        <v>3</v>
      </c>
      <c r="I1055" s="3">
        <v>4</v>
      </c>
    </row>
    <row r="1056" spans="1:9" x14ac:dyDescent="0.25">
      <c r="A1056" s="1" t="s">
        <v>1064</v>
      </c>
      <c r="B1056" s="2">
        <v>12</v>
      </c>
      <c r="C1056" t="s">
        <v>13</v>
      </c>
      <c r="D1056" s="2">
        <v>0</v>
      </c>
      <c r="E1056">
        <v>50</v>
      </c>
      <c r="F1056" s="3">
        <v>36</v>
      </c>
      <c r="H1056" s="3">
        <v>3</v>
      </c>
      <c r="I1056" s="3">
        <v>3</v>
      </c>
    </row>
    <row r="1057" spans="1:9" x14ac:dyDescent="0.25">
      <c r="A1057" s="1" t="s">
        <v>1065</v>
      </c>
      <c r="B1057" s="2">
        <v>5</v>
      </c>
      <c r="C1057" t="s">
        <v>13</v>
      </c>
      <c r="D1057" s="2">
        <v>0</v>
      </c>
      <c r="E1057">
        <v>2.5</v>
      </c>
      <c r="F1057" s="3">
        <v>1.2</v>
      </c>
      <c r="H1057" s="3">
        <v>3</v>
      </c>
      <c r="I1057" s="3">
        <v>3</v>
      </c>
    </row>
    <row r="1058" spans="1:9" x14ac:dyDescent="0.25">
      <c r="A1058" s="1" t="s">
        <v>1066</v>
      </c>
      <c r="B1058" s="2">
        <v>16</v>
      </c>
      <c r="C1058" t="s">
        <v>271</v>
      </c>
      <c r="D1058" s="2">
        <v>240</v>
      </c>
      <c r="E1058">
        <v>50</v>
      </c>
      <c r="F1058" s="3">
        <v>43.2</v>
      </c>
      <c r="H1058" s="3">
        <v>3</v>
      </c>
      <c r="I1058" s="3">
        <v>4</v>
      </c>
    </row>
    <row r="1059" spans="1:9" x14ac:dyDescent="0.25">
      <c r="A1059" s="1" t="s">
        <v>1067</v>
      </c>
      <c r="B1059" s="2">
        <v>16</v>
      </c>
      <c r="C1059" t="s">
        <v>13</v>
      </c>
      <c r="D1059" s="2">
        <v>240</v>
      </c>
      <c r="E1059">
        <v>30</v>
      </c>
      <c r="F1059" s="3">
        <v>21.6</v>
      </c>
      <c r="H1059" s="3">
        <v>3</v>
      </c>
      <c r="I1059" s="3">
        <v>4</v>
      </c>
    </row>
    <row r="1060" spans="1:9" x14ac:dyDescent="0.25">
      <c r="A1060" s="1" t="s">
        <v>1068</v>
      </c>
      <c r="B1060" s="2">
        <v>2</v>
      </c>
      <c r="C1060" t="s">
        <v>13</v>
      </c>
      <c r="D1060" s="2">
        <v>120</v>
      </c>
      <c r="E1060">
        <v>30</v>
      </c>
      <c r="F1060" s="3">
        <v>3.6</v>
      </c>
      <c r="H1060" s="3">
        <v>1</v>
      </c>
      <c r="I1060" s="3">
        <v>3</v>
      </c>
    </row>
    <row r="1061" spans="1:9" x14ac:dyDescent="0.25">
      <c r="A1061" s="1" t="s">
        <v>1069</v>
      </c>
      <c r="B1061" s="2">
        <v>36</v>
      </c>
      <c r="C1061" t="s">
        <v>13</v>
      </c>
      <c r="D1061" s="2">
        <v>120</v>
      </c>
      <c r="E1061">
        <v>2.5</v>
      </c>
      <c r="F1061" s="3">
        <v>1.8</v>
      </c>
      <c r="H1061" s="3">
        <v>3</v>
      </c>
      <c r="I1061" s="3">
        <v>4</v>
      </c>
    </row>
    <row r="1062" spans="1:9" x14ac:dyDescent="0.25">
      <c r="A1062" s="1" t="s">
        <v>1070</v>
      </c>
      <c r="B1062" s="2">
        <v>45</v>
      </c>
      <c r="C1062" t="s">
        <v>13</v>
      </c>
      <c r="D1062" s="2">
        <v>120</v>
      </c>
      <c r="E1062">
        <v>2.5</v>
      </c>
      <c r="F1062" s="3">
        <v>1.2</v>
      </c>
      <c r="H1062" s="3">
        <v>3</v>
      </c>
      <c r="I1062" s="3">
        <v>3</v>
      </c>
    </row>
    <row r="1063" spans="1:9" x14ac:dyDescent="0.25">
      <c r="A1063" s="1" t="s">
        <v>1071</v>
      </c>
      <c r="B1063" s="2">
        <v>1</v>
      </c>
      <c r="C1063" t="s">
        <v>13</v>
      </c>
      <c r="D1063" s="2">
        <v>240</v>
      </c>
      <c r="E1063">
        <v>30</v>
      </c>
      <c r="F1063" s="3">
        <v>0.6</v>
      </c>
      <c r="G1063" t="s">
        <v>187</v>
      </c>
      <c r="H1063" s="3">
        <v>1</v>
      </c>
      <c r="I1063" s="3">
        <v>2</v>
      </c>
    </row>
    <row r="1064" spans="1:9" x14ac:dyDescent="0.25">
      <c r="A1064" s="1" t="s">
        <v>1072</v>
      </c>
      <c r="B1064" s="2">
        <v>2</v>
      </c>
      <c r="C1064" t="s">
        <v>13</v>
      </c>
      <c r="D1064" s="2">
        <v>240</v>
      </c>
      <c r="E1064">
        <v>30</v>
      </c>
      <c r="F1064" s="3">
        <v>0.6</v>
      </c>
      <c r="G1064" t="s">
        <v>187</v>
      </c>
      <c r="H1064" s="3">
        <v>1</v>
      </c>
      <c r="I1064" s="3">
        <v>3</v>
      </c>
    </row>
    <row r="1065" spans="1:9" x14ac:dyDescent="0.25">
      <c r="A1065" s="1" t="s">
        <v>1073</v>
      </c>
      <c r="B1065" s="2">
        <v>2</v>
      </c>
      <c r="C1065" t="s">
        <v>13</v>
      </c>
      <c r="D1065" s="2">
        <v>480</v>
      </c>
      <c r="E1065">
        <v>30</v>
      </c>
      <c r="F1065" s="3">
        <v>1.2</v>
      </c>
      <c r="G1065" t="s">
        <v>187</v>
      </c>
      <c r="H1065" s="3">
        <v>1</v>
      </c>
      <c r="I1065" s="3">
        <v>3</v>
      </c>
    </row>
    <row r="1066" spans="1:9" x14ac:dyDescent="0.25">
      <c r="A1066" s="1" t="s">
        <v>1074</v>
      </c>
      <c r="B1066" s="2">
        <v>4</v>
      </c>
      <c r="C1066" t="s">
        <v>13</v>
      </c>
      <c r="D1066" s="2">
        <v>120</v>
      </c>
      <c r="E1066">
        <v>2.5</v>
      </c>
      <c r="F1066" s="3">
        <v>2.5000000000000001E-2</v>
      </c>
      <c r="G1066" t="s">
        <v>187</v>
      </c>
      <c r="H1066" s="3">
        <v>1</v>
      </c>
      <c r="I1066" s="3">
        <v>3</v>
      </c>
    </row>
    <row r="1067" spans="1:9" x14ac:dyDescent="0.25">
      <c r="A1067" s="1" t="s">
        <v>1075</v>
      </c>
      <c r="B1067" s="2">
        <v>3</v>
      </c>
      <c r="C1067" t="s">
        <v>13</v>
      </c>
      <c r="D1067" s="2">
        <v>240</v>
      </c>
      <c r="E1067">
        <v>2.5</v>
      </c>
      <c r="F1067" s="3">
        <v>0.05</v>
      </c>
      <c r="G1067" t="s">
        <v>187</v>
      </c>
      <c r="H1067" s="3">
        <v>1</v>
      </c>
      <c r="I1067" s="3">
        <v>2</v>
      </c>
    </row>
    <row r="1068" spans="1:9" x14ac:dyDescent="0.25">
      <c r="A1068" s="1" t="s">
        <v>1076</v>
      </c>
      <c r="B1068" s="2">
        <v>3</v>
      </c>
      <c r="C1068" t="s">
        <v>13</v>
      </c>
      <c r="D1068" s="2">
        <v>120</v>
      </c>
      <c r="E1068">
        <v>2.5</v>
      </c>
      <c r="F1068" s="3">
        <v>2.5000000000000001E-2</v>
      </c>
      <c r="G1068" t="s">
        <v>187</v>
      </c>
      <c r="H1068" s="3">
        <v>1</v>
      </c>
      <c r="I1068" s="3">
        <v>2</v>
      </c>
    </row>
    <row r="1069" spans="1:9" x14ac:dyDescent="0.25">
      <c r="A1069" s="1" t="s">
        <v>1077</v>
      </c>
      <c r="B1069" s="2">
        <v>4</v>
      </c>
      <c r="C1069" t="s">
        <v>13</v>
      </c>
      <c r="D1069" s="2">
        <v>240</v>
      </c>
      <c r="E1069">
        <v>2.5</v>
      </c>
      <c r="F1069" s="3">
        <v>0.05</v>
      </c>
      <c r="G1069" t="s">
        <v>187</v>
      </c>
      <c r="H1069" s="3">
        <v>1</v>
      </c>
      <c r="I1069" s="3">
        <v>3</v>
      </c>
    </row>
    <row r="1070" spans="1:9" x14ac:dyDescent="0.25">
      <c r="A1070" s="1" t="s">
        <v>1078</v>
      </c>
      <c r="B1070" s="2">
        <v>1</v>
      </c>
      <c r="C1070" t="s">
        <v>22</v>
      </c>
      <c r="D1070" s="2">
        <v>120</v>
      </c>
      <c r="E1070">
        <v>30</v>
      </c>
      <c r="F1070" s="3">
        <v>7.2</v>
      </c>
      <c r="G1070">
        <v>27.777777777777779</v>
      </c>
      <c r="H1070" s="3">
        <v>1</v>
      </c>
      <c r="I1070" s="3">
        <v>2</v>
      </c>
    </row>
    <row r="1071" spans="1:9" x14ac:dyDescent="0.25">
      <c r="A1071" s="1" t="s">
        <v>1079</v>
      </c>
      <c r="B1071" s="2">
        <v>1</v>
      </c>
      <c r="C1071" t="s">
        <v>22</v>
      </c>
      <c r="D1071" s="2">
        <v>120</v>
      </c>
      <c r="E1071">
        <v>15</v>
      </c>
      <c r="F1071" s="3">
        <v>3.6</v>
      </c>
      <c r="G1071">
        <v>27.777777777777779</v>
      </c>
      <c r="H1071" s="3">
        <v>1</v>
      </c>
      <c r="I1071" s="3">
        <v>2</v>
      </c>
    </row>
    <row r="1072" spans="1:9" x14ac:dyDescent="0.25">
      <c r="A1072" s="1" t="s">
        <v>1080</v>
      </c>
      <c r="B1072" s="2">
        <v>1</v>
      </c>
      <c r="C1072" t="s">
        <v>22</v>
      </c>
      <c r="D1072" s="2">
        <v>120</v>
      </c>
      <c r="E1072">
        <v>30</v>
      </c>
      <c r="F1072" s="3">
        <v>12</v>
      </c>
      <c r="G1072">
        <v>8.3333333333333339</v>
      </c>
      <c r="H1072" s="3">
        <v>1</v>
      </c>
      <c r="I1072" s="3">
        <v>2</v>
      </c>
    </row>
    <row r="1073" spans="1:9" x14ac:dyDescent="0.25">
      <c r="A1073" s="1" t="s">
        <v>1081</v>
      </c>
      <c r="B1073" s="2">
        <v>1</v>
      </c>
      <c r="C1073" t="s">
        <v>22</v>
      </c>
      <c r="D1073" s="2">
        <v>120</v>
      </c>
      <c r="E1073">
        <v>50</v>
      </c>
      <c r="F1073" s="3">
        <v>12</v>
      </c>
      <c r="G1073">
        <v>8.3333333333333339</v>
      </c>
      <c r="H1073" s="3">
        <v>1</v>
      </c>
      <c r="I1073" s="3">
        <v>2</v>
      </c>
    </row>
    <row r="1074" spans="1:9" x14ac:dyDescent="0.25">
      <c r="A1074" s="1" t="s">
        <v>1082</v>
      </c>
      <c r="B1074" s="2">
        <v>1</v>
      </c>
      <c r="C1074" t="s">
        <v>13</v>
      </c>
      <c r="D1074" s="2">
        <v>120</v>
      </c>
      <c r="E1074">
        <v>30</v>
      </c>
      <c r="F1074" s="3">
        <v>7.2</v>
      </c>
      <c r="G1074" t="s">
        <v>187</v>
      </c>
      <c r="H1074" s="3">
        <v>1</v>
      </c>
      <c r="I1074" s="3">
        <v>2</v>
      </c>
    </row>
    <row r="1075" spans="1:9" x14ac:dyDescent="0.25">
      <c r="A1075" s="1" t="s">
        <v>1083</v>
      </c>
      <c r="B1075" s="2">
        <v>2</v>
      </c>
      <c r="C1075" t="s">
        <v>22</v>
      </c>
      <c r="D1075" s="2">
        <v>240</v>
      </c>
      <c r="E1075">
        <v>30</v>
      </c>
      <c r="F1075" s="3">
        <v>12</v>
      </c>
      <c r="G1075">
        <v>8.3333333333333339</v>
      </c>
      <c r="H1075" s="3">
        <v>1</v>
      </c>
      <c r="I1075" s="3">
        <v>3</v>
      </c>
    </row>
    <row r="1076" spans="1:9" x14ac:dyDescent="0.25">
      <c r="A1076" s="1" t="s">
        <v>1084</v>
      </c>
      <c r="B1076" s="2">
        <v>3</v>
      </c>
      <c r="C1076" t="s">
        <v>22</v>
      </c>
      <c r="D1076" s="2">
        <v>120</v>
      </c>
      <c r="E1076">
        <v>2.5</v>
      </c>
      <c r="F1076" s="3">
        <v>0.3</v>
      </c>
      <c r="G1076">
        <v>666.66666666666663</v>
      </c>
      <c r="H1076" s="3">
        <v>1</v>
      </c>
      <c r="I1076" s="3">
        <v>2</v>
      </c>
    </row>
    <row r="1077" spans="1:9" x14ac:dyDescent="0.25">
      <c r="A1077" s="1" t="s">
        <v>1085</v>
      </c>
      <c r="B1077" s="2">
        <v>4</v>
      </c>
      <c r="C1077" t="s">
        <v>22</v>
      </c>
      <c r="D1077" s="2">
        <v>240</v>
      </c>
      <c r="E1077">
        <v>5</v>
      </c>
      <c r="F1077" s="3">
        <v>1.2</v>
      </c>
      <c r="G1077">
        <v>83.333333333333329</v>
      </c>
      <c r="H1077" s="3">
        <v>1</v>
      </c>
      <c r="I1077" s="3">
        <v>3</v>
      </c>
    </row>
    <row r="1078" spans="1:9" x14ac:dyDescent="0.25">
      <c r="A1078" s="1" t="s">
        <v>1086</v>
      </c>
      <c r="B1078" s="2">
        <v>6</v>
      </c>
      <c r="C1078" t="s">
        <v>22</v>
      </c>
      <c r="D1078" s="2">
        <v>120</v>
      </c>
      <c r="E1078">
        <v>2.5</v>
      </c>
      <c r="F1078" s="3">
        <v>0.9</v>
      </c>
      <c r="G1078">
        <v>111.11111111111111</v>
      </c>
      <c r="H1078" s="3">
        <v>3</v>
      </c>
      <c r="I1078" s="3">
        <v>4</v>
      </c>
    </row>
    <row r="1079" spans="1:9" x14ac:dyDescent="0.25">
      <c r="A1079" s="1" t="s">
        <v>1087</v>
      </c>
      <c r="B1079" s="2">
        <v>6</v>
      </c>
      <c r="C1079" t="s">
        <v>13</v>
      </c>
      <c r="D1079" s="2">
        <v>120</v>
      </c>
      <c r="E1079">
        <v>5</v>
      </c>
      <c r="F1079" s="3">
        <v>3.6</v>
      </c>
      <c r="G1079">
        <v>55.555555555555557</v>
      </c>
      <c r="H1079" s="3">
        <v>3</v>
      </c>
      <c r="I1079" s="3">
        <v>4</v>
      </c>
    </row>
    <row r="1080" spans="1:9" x14ac:dyDescent="0.25">
      <c r="A1080" s="1" t="s">
        <v>1088</v>
      </c>
      <c r="B1080" s="2">
        <v>8</v>
      </c>
      <c r="C1080" t="s">
        <v>22</v>
      </c>
      <c r="D1080" s="2">
        <v>240</v>
      </c>
      <c r="E1080">
        <v>2.5</v>
      </c>
      <c r="F1080" s="3">
        <v>1.2</v>
      </c>
      <c r="G1080">
        <v>166.66666666666666</v>
      </c>
      <c r="H1080" s="3">
        <v>3</v>
      </c>
      <c r="I1080" s="3">
        <v>4</v>
      </c>
    </row>
    <row r="1081" spans="1:9" x14ac:dyDescent="0.25">
      <c r="A1081" s="1" t="s">
        <v>1089</v>
      </c>
      <c r="B1081" s="2">
        <v>8</v>
      </c>
      <c r="C1081" t="s">
        <v>22</v>
      </c>
      <c r="D1081" s="2">
        <v>240</v>
      </c>
      <c r="E1081">
        <v>2.5</v>
      </c>
      <c r="F1081" s="3">
        <v>1.2</v>
      </c>
      <c r="G1081">
        <v>83.333333333333329</v>
      </c>
      <c r="H1081" s="3">
        <v>3</v>
      </c>
      <c r="I1081" s="3">
        <v>4</v>
      </c>
    </row>
    <row r="1082" spans="1:9" x14ac:dyDescent="0.25">
      <c r="A1082" s="1" t="s">
        <v>1090</v>
      </c>
      <c r="B1082" s="2">
        <v>12</v>
      </c>
      <c r="C1082" t="s">
        <v>22</v>
      </c>
      <c r="D1082" s="2">
        <v>120</v>
      </c>
      <c r="E1082">
        <v>15</v>
      </c>
      <c r="F1082" s="3">
        <v>7.2</v>
      </c>
      <c r="G1082">
        <v>13.888888888888889</v>
      </c>
      <c r="H1082" s="3">
        <v>3</v>
      </c>
      <c r="I1082" s="3">
        <v>3</v>
      </c>
    </row>
    <row r="1083" spans="1:9" x14ac:dyDescent="0.25">
      <c r="A1083" s="1" t="s">
        <v>1091</v>
      </c>
      <c r="B1083" s="2">
        <v>13</v>
      </c>
      <c r="C1083" t="s">
        <v>22</v>
      </c>
      <c r="D1083" s="2">
        <v>240</v>
      </c>
      <c r="E1083">
        <v>30</v>
      </c>
      <c r="F1083" s="3">
        <v>28.8</v>
      </c>
      <c r="G1083" t="s">
        <v>187</v>
      </c>
      <c r="H1083" s="3">
        <v>3</v>
      </c>
      <c r="I1083" s="3">
        <v>3</v>
      </c>
    </row>
    <row r="1084" spans="1:9" x14ac:dyDescent="0.25">
      <c r="A1084" s="1" t="s">
        <v>1092</v>
      </c>
      <c r="B1084" s="2">
        <v>14</v>
      </c>
      <c r="C1084" t="s">
        <v>22</v>
      </c>
      <c r="D1084" s="2">
        <v>120</v>
      </c>
      <c r="E1084">
        <v>30</v>
      </c>
      <c r="F1084" s="3">
        <v>21.6</v>
      </c>
      <c r="G1084">
        <v>4.6296296296296298</v>
      </c>
      <c r="H1084" s="3">
        <v>3</v>
      </c>
      <c r="I1084" s="3">
        <v>4</v>
      </c>
    </row>
    <row r="1085" spans="1:9" x14ac:dyDescent="0.25">
      <c r="A1085" s="1" t="s">
        <v>1093</v>
      </c>
      <c r="B1085" s="2">
        <v>14</v>
      </c>
      <c r="C1085" t="s">
        <v>271</v>
      </c>
      <c r="D1085" s="2">
        <v>277</v>
      </c>
      <c r="E1085">
        <v>50</v>
      </c>
      <c r="F1085" s="3">
        <v>86.4</v>
      </c>
      <c r="G1085">
        <v>4.6296296296296298</v>
      </c>
      <c r="H1085" s="3">
        <v>3</v>
      </c>
      <c r="I1085" s="3">
        <v>4</v>
      </c>
    </row>
    <row r="1086" spans="1:9" x14ac:dyDescent="0.25">
      <c r="A1086" s="1" t="s">
        <v>1094</v>
      </c>
      <c r="B1086" s="2">
        <v>14</v>
      </c>
      <c r="C1086" t="s">
        <v>271</v>
      </c>
      <c r="D1086" s="2">
        <v>277</v>
      </c>
      <c r="E1086">
        <v>50</v>
      </c>
      <c r="F1086" s="3">
        <v>86.4</v>
      </c>
      <c r="G1086">
        <v>9.2592592592592595</v>
      </c>
      <c r="H1086" s="3">
        <v>3</v>
      </c>
      <c r="I1086" s="3">
        <v>4</v>
      </c>
    </row>
    <row r="1087" spans="1:9" x14ac:dyDescent="0.25">
      <c r="A1087" s="1" t="s">
        <v>1095</v>
      </c>
      <c r="B1087" s="2">
        <v>14</v>
      </c>
      <c r="C1087" t="s">
        <v>271</v>
      </c>
      <c r="D1087" s="2">
        <v>120</v>
      </c>
      <c r="E1087">
        <v>50</v>
      </c>
      <c r="F1087" s="3">
        <v>43.2</v>
      </c>
      <c r="G1087">
        <v>9.2592592592592595</v>
      </c>
      <c r="H1087" s="3">
        <v>3</v>
      </c>
      <c r="I1087" s="3">
        <v>4</v>
      </c>
    </row>
    <row r="1088" spans="1:9" x14ac:dyDescent="0.25">
      <c r="A1088" s="1" t="s">
        <v>1096</v>
      </c>
      <c r="B1088" s="2">
        <v>14</v>
      </c>
      <c r="C1088" t="s">
        <v>271</v>
      </c>
      <c r="D1088" s="2">
        <v>120</v>
      </c>
      <c r="E1088">
        <v>50</v>
      </c>
      <c r="F1088" s="3">
        <v>43.2</v>
      </c>
      <c r="G1088">
        <v>18.518518518518519</v>
      </c>
      <c r="H1088" s="3">
        <v>3</v>
      </c>
      <c r="I1088" s="3">
        <v>4</v>
      </c>
    </row>
    <row r="1089" spans="1:9" x14ac:dyDescent="0.25">
      <c r="A1089" s="1" t="s">
        <v>1097</v>
      </c>
      <c r="B1089" s="2">
        <v>3</v>
      </c>
      <c r="C1089" t="s">
        <v>13</v>
      </c>
      <c r="D1089" s="2">
        <v>120</v>
      </c>
      <c r="E1089">
        <v>2.5</v>
      </c>
      <c r="F1089" s="3">
        <v>0.6</v>
      </c>
      <c r="H1089" s="3">
        <v>1</v>
      </c>
      <c r="I1089" s="3">
        <v>2</v>
      </c>
    </row>
    <row r="1090" spans="1:9" x14ac:dyDescent="0.25">
      <c r="A1090" s="1" t="s">
        <v>1098</v>
      </c>
      <c r="B1090" s="2">
        <v>16</v>
      </c>
      <c r="C1090" t="s">
        <v>13</v>
      </c>
      <c r="D1090" s="2">
        <v>120</v>
      </c>
      <c r="E1090">
        <v>50</v>
      </c>
      <c r="F1090" s="3">
        <v>36</v>
      </c>
      <c r="H1090" s="3">
        <v>3</v>
      </c>
      <c r="I1090" s="3">
        <v>4</v>
      </c>
    </row>
    <row r="1091" spans="1:9" x14ac:dyDescent="0.25">
      <c r="A1091" s="1" t="s">
        <v>1099</v>
      </c>
      <c r="B1091" s="2">
        <v>4</v>
      </c>
      <c r="C1091" t="s">
        <v>13</v>
      </c>
      <c r="D1091" s="2">
        <v>240</v>
      </c>
      <c r="E1091">
        <v>2.5</v>
      </c>
      <c r="F1091" s="3">
        <v>0.6</v>
      </c>
      <c r="G1091">
        <v>8.3333333333333339</v>
      </c>
      <c r="H1091" s="3">
        <v>1</v>
      </c>
      <c r="I1091" s="3">
        <v>3</v>
      </c>
    </row>
    <row r="1092" spans="1:9" x14ac:dyDescent="0.25">
      <c r="A1092" s="1" t="s">
        <v>1100</v>
      </c>
      <c r="B1092" s="2">
        <v>1</v>
      </c>
      <c r="C1092" t="s">
        <v>13</v>
      </c>
      <c r="D1092" s="2">
        <v>120</v>
      </c>
      <c r="E1092">
        <v>15</v>
      </c>
      <c r="F1092" s="3">
        <v>3</v>
      </c>
      <c r="G1092">
        <v>33.333333333333336</v>
      </c>
      <c r="H1092" s="3">
        <v>1</v>
      </c>
      <c r="I1092" s="3">
        <v>2</v>
      </c>
    </row>
    <row r="1093" spans="1:9" x14ac:dyDescent="0.25">
      <c r="A1093" s="1" t="s">
        <v>1101</v>
      </c>
      <c r="B1093" s="2">
        <v>2</v>
      </c>
      <c r="C1093" t="s">
        <v>13</v>
      </c>
      <c r="D1093" s="2">
        <v>480</v>
      </c>
      <c r="E1093">
        <v>30</v>
      </c>
      <c r="F1093" s="3">
        <v>7.2</v>
      </c>
      <c r="H1093" s="3">
        <v>1</v>
      </c>
      <c r="I1093" s="3">
        <v>3</v>
      </c>
    </row>
    <row r="1094" spans="1:9" x14ac:dyDescent="0.25">
      <c r="A1094" s="1" t="s">
        <v>1102</v>
      </c>
      <c r="B1094" s="2">
        <v>16</v>
      </c>
      <c r="C1094" t="s">
        <v>13</v>
      </c>
      <c r="D1094" s="2">
        <v>240</v>
      </c>
      <c r="E1094">
        <v>30</v>
      </c>
      <c r="F1094" s="3">
        <v>43.2</v>
      </c>
      <c r="G1094">
        <v>4.6296296296296298</v>
      </c>
      <c r="H1094" s="3">
        <v>3</v>
      </c>
      <c r="I1094" s="3">
        <v>4</v>
      </c>
    </row>
    <row r="1095" spans="1:9" x14ac:dyDescent="0.25">
      <c r="A1095" s="1" t="s">
        <v>1103</v>
      </c>
      <c r="B1095" s="2">
        <v>56</v>
      </c>
      <c r="C1095" t="s">
        <v>13</v>
      </c>
      <c r="D1095" s="2">
        <v>120</v>
      </c>
      <c r="E1095">
        <v>2.5</v>
      </c>
      <c r="F1095" s="3">
        <v>1.2</v>
      </c>
      <c r="H1095" s="3">
        <v>3</v>
      </c>
      <c r="I1095" s="3">
        <v>3</v>
      </c>
    </row>
    <row r="1096" spans="1:9" x14ac:dyDescent="0.25">
      <c r="A1096" s="1" t="s">
        <v>1104</v>
      </c>
      <c r="B1096" s="2">
        <v>35</v>
      </c>
      <c r="C1096" t="s">
        <v>22</v>
      </c>
      <c r="D1096" s="2">
        <v>120</v>
      </c>
      <c r="E1096">
        <v>2.5</v>
      </c>
      <c r="F1096" s="3">
        <v>1.2</v>
      </c>
      <c r="H1096" s="3">
        <v>3</v>
      </c>
      <c r="I1096" s="3">
        <v>3</v>
      </c>
    </row>
    <row r="1097" spans="1:9" x14ac:dyDescent="0.25">
      <c r="A1097" s="1" t="s">
        <v>1105</v>
      </c>
      <c r="B1097" s="2">
        <v>35</v>
      </c>
      <c r="C1097" t="s">
        <v>13</v>
      </c>
      <c r="D1097" s="2">
        <v>120</v>
      </c>
      <c r="E1097">
        <v>2.5</v>
      </c>
      <c r="F1097" s="3">
        <v>1.2</v>
      </c>
      <c r="H1097" s="3">
        <v>3</v>
      </c>
      <c r="I1097" s="3">
        <v>3</v>
      </c>
    </row>
    <row r="1098" spans="1:9" x14ac:dyDescent="0.25">
      <c r="A1098" s="1" t="s">
        <v>1106</v>
      </c>
      <c r="B1098" s="2">
        <v>36</v>
      </c>
      <c r="C1098" t="s">
        <v>22</v>
      </c>
      <c r="D1098" s="2">
        <v>120</v>
      </c>
      <c r="E1098">
        <v>2.5</v>
      </c>
      <c r="F1098" s="3">
        <v>1.8</v>
      </c>
      <c r="H1098" s="3">
        <v>3</v>
      </c>
      <c r="I1098" s="3">
        <v>4</v>
      </c>
    </row>
    <row r="1099" spans="1:9" x14ac:dyDescent="0.25">
      <c r="A1099" s="1" t="s">
        <v>1107</v>
      </c>
      <c r="B1099" s="2">
        <v>15</v>
      </c>
      <c r="C1099" t="s">
        <v>22</v>
      </c>
      <c r="D1099" s="2">
        <v>240</v>
      </c>
      <c r="E1099">
        <v>30</v>
      </c>
      <c r="F1099" s="3">
        <v>28.8</v>
      </c>
      <c r="G1099">
        <v>3.4722222222222223</v>
      </c>
      <c r="H1099" s="3">
        <v>3</v>
      </c>
      <c r="I1099" s="3">
        <v>4</v>
      </c>
    </row>
    <row r="1100" spans="1:9" x14ac:dyDescent="0.25">
      <c r="A1100" s="1" t="s">
        <v>1108</v>
      </c>
      <c r="B1100" s="2">
        <v>2</v>
      </c>
      <c r="C1100" t="s">
        <v>13</v>
      </c>
      <c r="D1100" s="2">
        <v>480</v>
      </c>
      <c r="E1100">
        <v>30</v>
      </c>
      <c r="F1100" s="3">
        <v>14.4</v>
      </c>
      <c r="G1100" t="s">
        <v>187</v>
      </c>
      <c r="H1100" s="3">
        <v>1</v>
      </c>
      <c r="I1100" s="3">
        <v>3</v>
      </c>
    </row>
    <row r="1101" spans="1:9" x14ac:dyDescent="0.25">
      <c r="A1101" s="1" t="s">
        <v>1109</v>
      </c>
      <c r="B1101" s="2">
        <v>4</v>
      </c>
      <c r="C1101" t="s">
        <v>13</v>
      </c>
      <c r="D1101" s="2">
        <v>480</v>
      </c>
      <c r="E1101">
        <v>2.5</v>
      </c>
      <c r="F1101" s="3">
        <v>1.2</v>
      </c>
      <c r="G1101" t="s">
        <v>187</v>
      </c>
      <c r="H1101" s="3">
        <v>1</v>
      </c>
      <c r="I1101" s="3">
        <v>3</v>
      </c>
    </row>
    <row r="1102" spans="1:9" x14ac:dyDescent="0.25">
      <c r="A1102" s="1" t="s">
        <v>1110</v>
      </c>
      <c r="B1102" s="2">
        <v>15</v>
      </c>
      <c r="C1102" t="s">
        <v>271</v>
      </c>
      <c r="D1102" s="2">
        <v>240</v>
      </c>
      <c r="E1102">
        <v>50</v>
      </c>
      <c r="F1102" s="3">
        <v>57.6</v>
      </c>
      <c r="G1102">
        <v>6.9444444444444446</v>
      </c>
      <c r="H1102" s="3">
        <v>3</v>
      </c>
      <c r="I1102" s="3">
        <v>4</v>
      </c>
    </row>
    <row r="1103" spans="1:9" x14ac:dyDescent="0.25">
      <c r="A1103" s="1" t="s">
        <v>1111</v>
      </c>
      <c r="B1103" s="2">
        <v>5</v>
      </c>
      <c r="C1103" t="s">
        <v>22</v>
      </c>
      <c r="D1103" s="2">
        <v>120</v>
      </c>
      <c r="E1103">
        <v>2.5</v>
      </c>
      <c r="F1103" s="3">
        <v>0.6</v>
      </c>
      <c r="G1103">
        <v>166.66666666666666</v>
      </c>
      <c r="H1103" s="3">
        <v>3</v>
      </c>
      <c r="I1103" s="3">
        <v>3</v>
      </c>
    </row>
    <row r="1104" spans="1:9" x14ac:dyDescent="0.25">
      <c r="A1104" s="1" t="s">
        <v>1112</v>
      </c>
      <c r="B1104" s="2">
        <v>10</v>
      </c>
      <c r="C1104" t="s">
        <v>22</v>
      </c>
      <c r="D1104" s="2">
        <v>120</v>
      </c>
      <c r="E1104">
        <v>2.5</v>
      </c>
      <c r="F1104" s="3">
        <v>1.8</v>
      </c>
      <c r="G1104" t="s">
        <v>187</v>
      </c>
      <c r="H1104" s="3">
        <v>3</v>
      </c>
      <c r="I1104" s="3">
        <v>4</v>
      </c>
    </row>
    <row r="1105" spans="1:9" x14ac:dyDescent="0.25">
      <c r="A1105" s="1" t="s">
        <v>1113</v>
      </c>
      <c r="B1105" s="2">
        <v>2</v>
      </c>
      <c r="C1105" t="s">
        <v>22</v>
      </c>
      <c r="D1105" s="2">
        <v>240</v>
      </c>
      <c r="E1105">
        <v>30</v>
      </c>
      <c r="F1105" s="3">
        <v>7.2</v>
      </c>
      <c r="G1105">
        <v>166.66666666666666</v>
      </c>
      <c r="H1105" s="3">
        <v>1</v>
      </c>
      <c r="I1105" s="3">
        <v>3</v>
      </c>
    </row>
    <row r="1106" spans="1:9" x14ac:dyDescent="0.25">
      <c r="A1106" s="1" t="s">
        <v>1114</v>
      </c>
      <c r="B1106" s="2">
        <v>25</v>
      </c>
      <c r="C1106" t="s">
        <v>13</v>
      </c>
      <c r="D1106" s="2">
        <v>120</v>
      </c>
      <c r="E1106">
        <v>30</v>
      </c>
      <c r="F1106" s="3">
        <v>14.4</v>
      </c>
      <c r="G1106">
        <v>6.9444444444444446</v>
      </c>
      <c r="H1106" s="3">
        <v>3</v>
      </c>
      <c r="I1106" s="3">
        <v>3</v>
      </c>
    </row>
    <row r="1107" spans="1:9" x14ac:dyDescent="0.25">
      <c r="A1107" s="1" t="s">
        <v>1115</v>
      </c>
      <c r="B1107" s="2">
        <v>15</v>
      </c>
      <c r="C1107" t="s">
        <v>13</v>
      </c>
      <c r="D1107" s="2">
        <v>480</v>
      </c>
      <c r="E1107">
        <v>30</v>
      </c>
      <c r="F1107" s="3">
        <v>57.6</v>
      </c>
      <c r="G1107">
        <v>34.722222222222221</v>
      </c>
      <c r="H1107" s="3">
        <v>3</v>
      </c>
      <c r="I1107" s="3">
        <v>4</v>
      </c>
    </row>
    <row r="1108" spans="1:9" x14ac:dyDescent="0.25">
      <c r="A1108" s="1" t="s">
        <v>1116</v>
      </c>
      <c r="B1108" s="2">
        <v>15</v>
      </c>
      <c r="C1108" t="s">
        <v>13</v>
      </c>
      <c r="D1108" s="2">
        <v>240</v>
      </c>
      <c r="E1108">
        <v>15</v>
      </c>
      <c r="F1108" s="3">
        <v>14.4</v>
      </c>
      <c r="G1108" t="s">
        <v>187</v>
      </c>
      <c r="H1108" s="3">
        <v>3</v>
      </c>
      <c r="I1108" s="3">
        <v>4</v>
      </c>
    </row>
    <row r="1109" spans="1:9" x14ac:dyDescent="0.25">
      <c r="A1109" s="1" t="s">
        <v>1117</v>
      </c>
      <c r="B1109" s="2">
        <v>2</v>
      </c>
      <c r="C1109" t="s">
        <v>13</v>
      </c>
      <c r="D1109" s="2">
        <v>240</v>
      </c>
      <c r="E1109">
        <v>15</v>
      </c>
      <c r="F1109" s="3">
        <v>3</v>
      </c>
      <c r="G1109">
        <v>35.333333333333336</v>
      </c>
      <c r="H1109" s="3">
        <v>1</v>
      </c>
      <c r="I1109" s="3">
        <v>3</v>
      </c>
    </row>
    <row r="1110" spans="1:9" x14ac:dyDescent="0.25">
      <c r="A1110" s="1" t="s">
        <v>1118</v>
      </c>
      <c r="B1110" s="2">
        <v>2</v>
      </c>
      <c r="C1110" t="s">
        <v>22</v>
      </c>
      <c r="D1110" s="2">
        <v>120</v>
      </c>
      <c r="E1110">
        <v>15</v>
      </c>
      <c r="F1110" s="3">
        <v>3</v>
      </c>
      <c r="G1110">
        <v>33.333333333333336</v>
      </c>
      <c r="H1110" s="3">
        <v>1</v>
      </c>
      <c r="I1110" s="3">
        <v>2</v>
      </c>
    </row>
    <row r="1111" spans="1:9" x14ac:dyDescent="0.25">
      <c r="A1111" s="1" t="s">
        <v>1119</v>
      </c>
      <c r="B1111" s="2">
        <v>2</v>
      </c>
      <c r="C1111" t="s">
        <v>13</v>
      </c>
      <c r="D1111" s="2">
        <v>120</v>
      </c>
      <c r="E1111">
        <v>15</v>
      </c>
      <c r="F1111" s="3">
        <v>3.6</v>
      </c>
      <c r="G1111">
        <v>27.777777777777779</v>
      </c>
      <c r="H1111" s="3">
        <v>1</v>
      </c>
      <c r="I1111" s="3">
        <v>2</v>
      </c>
    </row>
    <row r="1112" spans="1:9" x14ac:dyDescent="0.25">
      <c r="A1112" s="1" t="s">
        <v>1120</v>
      </c>
      <c r="B1112" s="2">
        <v>9</v>
      </c>
      <c r="C1112" t="s">
        <v>13</v>
      </c>
      <c r="D1112" s="2">
        <v>277</v>
      </c>
      <c r="E1112">
        <v>10</v>
      </c>
      <c r="F1112" s="3">
        <v>0</v>
      </c>
      <c r="G1112" t="s">
        <v>187</v>
      </c>
      <c r="H1112" s="3">
        <v>3</v>
      </c>
      <c r="I1112" s="3">
        <v>4</v>
      </c>
    </row>
    <row r="1113" spans="1:9" x14ac:dyDescent="0.25">
      <c r="A1113" s="1" t="s">
        <v>1121</v>
      </c>
      <c r="B1113" s="2">
        <v>2</v>
      </c>
      <c r="C1113" t="s">
        <v>22</v>
      </c>
      <c r="D1113" s="2">
        <v>240</v>
      </c>
      <c r="E1113">
        <v>15</v>
      </c>
      <c r="F1113" s="3">
        <v>3</v>
      </c>
      <c r="G1113">
        <v>33.333333333333336</v>
      </c>
      <c r="H1113" s="3">
        <v>1</v>
      </c>
      <c r="I1113" s="3">
        <v>3</v>
      </c>
    </row>
    <row r="1114" spans="1:9" x14ac:dyDescent="0.25">
      <c r="A1114" s="1" t="s">
        <v>1122</v>
      </c>
      <c r="B1114" s="2">
        <v>5</v>
      </c>
      <c r="C1114" t="s">
        <v>13</v>
      </c>
      <c r="D1114" s="2">
        <v>120</v>
      </c>
      <c r="E1114">
        <v>5</v>
      </c>
      <c r="F1114" s="3">
        <v>0</v>
      </c>
      <c r="G1114" t="s">
        <v>187</v>
      </c>
      <c r="H1114" s="3">
        <v>3</v>
      </c>
      <c r="I1114" s="3">
        <v>3</v>
      </c>
    </row>
    <row r="1115" spans="1:9" x14ac:dyDescent="0.25">
      <c r="A1115" s="1" t="s">
        <v>1123</v>
      </c>
      <c r="B1115" s="2">
        <v>9</v>
      </c>
      <c r="C1115" t="s">
        <v>13</v>
      </c>
      <c r="D1115" s="2">
        <v>120</v>
      </c>
      <c r="E1115">
        <v>5</v>
      </c>
      <c r="F1115" s="3">
        <v>0</v>
      </c>
      <c r="G1115" t="s">
        <v>187</v>
      </c>
      <c r="H1115" s="3">
        <v>3</v>
      </c>
      <c r="I1115" s="3">
        <v>4</v>
      </c>
    </row>
    <row r="1116" spans="1:9" x14ac:dyDescent="0.25">
      <c r="A1116" s="1" t="s">
        <v>1124</v>
      </c>
      <c r="B1116" s="2">
        <v>15</v>
      </c>
      <c r="C1116" t="s">
        <v>13</v>
      </c>
      <c r="D1116" s="2">
        <v>480</v>
      </c>
      <c r="E1116">
        <v>30</v>
      </c>
      <c r="F1116" s="3">
        <v>57.6</v>
      </c>
      <c r="G1116" t="s">
        <v>187</v>
      </c>
      <c r="H1116" s="3">
        <v>3</v>
      </c>
      <c r="I1116" s="3">
        <v>4</v>
      </c>
    </row>
    <row r="1117" spans="1:9" x14ac:dyDescent="0.25">
      <c r="A1117" s="1" t="s">
        <v>1125</v>
      </c>
      <c r="B1117" s="2">
        <v>12</v>
      </c>
      <c r="C1117" t="s">
        <v>13</v>
      </c>
      <c r="D1117" s="2">
        <v>120</v>
      </c>
      <c r="E1117">
        <v>50</v>
      </c>
      <c r="F1117" s="3">
        <v>12</v>
      </c>
      <c r="G1117">
        <v>75</v>
      </c>
      <c r="H1117" s="3">
        <v>3</v>
      </c>
      <c r="I1117" s="3">
        <v>3</v>
      </c>
    </row>
    <row r="1118" spans="1:9" x14ac:dyDescent="0.25">
      <c r="A1118" s="1" t="s">
        <v>1126</v>
      </c>
      <c r="B1118" s="2">
        <v>1</v>
      </c>
      <c r="C1118" t="s">
        <v>22</v>
      </c>
      <c r="D1118" s="2">
        <v>120</v>
      </c>
      <c r="E1118">
        <v>15</v>
      </c>
      <c r="F1118" s="3">
        <v>1.5</v>
      </c>
      <c r="G1118">
        <v>66.666666666666671</v>
      </c>
      <c r="H1118" s="3">
        <v>1</v>
      </c>
      <c r="I1118" s="3">
        <v>2</v>
      </c>
    </row>
    <row r="1119" spans="1:9" x14ac:dyDescent="0.25">
      <c r="A1119" s="1" t="s">
        <v>1127</v>
      </c>
      <c r="B1119" s="2">
        <v>3</v>
      </c>
      <c r="C1119" t="s">
        <v>13</v>
      </c>
      <c r="D1119" s="2">
        <v>240</v>
      </c>
      <c r="E1119">
        <v>2.5</v>
      </c>
      <c r="F1119" s="3">
        <v>0.6</v>
      </c>
      <c r="G1119">
        <v>8.3333333333333339</v>
      </c>
      <c r="H1119" s="3">
        <v>1</v>
      </c>
      <c r="I1119" s="3">
        <v>2</v>
      </c>
    </row>
    <row r="1120" spans="1:9" x14ac:dyDescent="0.25">
      <c r="A1120" s="1" t="s">
        <v>1128</v>
      </c>
      <c r="B1120" s="2">
        <v>12</v>
      </c>
      <c r="C1120" t="s">
        <v>13</v>
      </c>
      <c r="D1120" s="2">
        <v>120</v>
      </c>
      <c r="E1120">
        <v>50</v>
      </c>
      <c r="F1120" s="3">
        <v>28.8</v>
      </c>
      <c r="G1120" t="s">
        <v>187</v>
      </c>
      <c r="H1120" s="3">
        <v>3</v>
      </c>
      <c r="I1120" s="3">
        <v>3</v>
      </c>
    </row>
    <row r="1121" spans="1:9" x14ac:dyDescent="0.25">
      <c r="A1121" s="1" t="s">
        <v>1129</v>
      </c>
      <c r="B1121" s="2">
        <v>17</v>
      </c>
      <c r="C1121" t="s">
        <v>13</v>
      </c>
      <c r="D1121" s="2">
        <v>480</v>
      </c>
      <c r="E1121">
        <v>30</v>
      </c>
      <c r="F1121" s="3">
        <v>43.2</v>
      </c>
      <c r="G1121" t="s">
        <v>187</v>
      </c>
      <c r="H1121" s="3">
        <v>3</v>
      </c>
      <c r="I1121" s="3">
        <v>4</v>
      </c>
    </row>
    <row r="1122" spans="1:9" x14ac:dyDescent="0.25">
      <c r="A1122" s="1" t="s">
        <v>1130</v>
      </c>
      <c r="B1122" s="2">
        <v>9</v>
      </c>
      <c r="C1122" t="s">
        <v>13</v>
      </c>
      <c r="D1122" s="2">
        <v>277</v>
      </c>
      <c r="E1122">
        <v>5</v>
      </c>
      <c r="F1122" s="3">
        <v>3.6</v>
      </c>
      <c r="G1122">
        <v>55.555555555555557</v>
      </c>
      <c r="H1122" s="3">
        <v>3</v>
      </c>
      <c r="I1122" s="3">
        <v>4</v>
      </c>
    </row>
    <row r="1123" spans="1:9" x14ac:dyDescent="0.25">
      <c r="A1123" s="1" t="s">
        <v>1131</v>
      </c>
      <c r="B1123" s="2">
        <v>9</v>
      </c>
      <c r="C1123" t="s">
        <v>13</v>
      </c>
      <c r="D1123" s="2">
        <v>120</v>
      </c>
      <c r="E1123">
        <v>5</v>
      </c>
      <c r="F1123" s="3">
        <v>1.8</v>
      </c>
      <c r="G1123">
        <v>111.11111111111111</v>
      </c>
      <c r="H1123" s="3">
        <v>3</v>
      </c>
      <c r="I1123" s="3">
        <v>4</v>
      </c>
    </row>
    <row r="1124" spans="1:9" x14ac:dyDescent="0.25">
      <c r="A1124" s="1" t="s">
        <v>1132</v>
      </c>
      <c r="B1124" s="2">
        <v>8</v>
      </c>
      <c r="C1124" t="s">
        <v>13</v>
      </c>
      <c r="D1124" s="2">
        <v>480</v>
      </c>
      <c r="E1124">
        <v>5</v>
      </c>
      <c r="F1124" s="3">
        <v>4.8</v>
      </c>
      <c r="G1124">
        <v>41.666666666666664</v>
      </c>
      <c r="H1124" s="3">
        <v>3</v>
      </c>
      <c r="I1124" s="3">
        <v>4</v>
      </c>
    </row>
    <row r="1125" spans="1:9" x14ac:dyDescent="0.25">
      <c r="A1125" s="1" t="s">
        <v>1133</v>
      </c>
      <c r="B1125" s="2">
        <v>15</v>
      </c>
      <c r="C1125" t="s">
        <v>11</v>
      </c>
      <c r="D1125" s="2">
        <v>240</v>
      </c>
      <c r="E1125">
        <v>50</v>
      </c>
      <c r="F1125" s="3">
        <v>24</v>
      </c>
      <c r="G1125">
        <v>4.166666666666667</v>
      </c>
      <c r="H1125" s="3">
        <v>3</v>
      </c>
      <c r="I1125" s="3">
        <v>4</v>
      </c>
    </row>
    <row r="1126" spans="1:9" x14ac:dyDescent="0.25">
      <c r="A1126" s="1" t="s">
        <v>1134</v>
      </c>
      <c r="B1126" s="2">
        <v>15</v>
      </c>
      <c r="C1126" t="s">
        <v>11</v>
      </c>
      <c r="D1126" s="2">
        <v>240</v>
      </c>
      <c r="E1126">
        <v>15</v>
      </c>
      <c r="F1126" s="3">
        <v>7.2</v>
      </c>
      <c r="G1126">
        <v>13.888888888888889</v>
      </c>
      <c r="H1126" s="3">
        <v>3</v>
      </c>
      <c r="I1126" s="3">
        <v>4</v>
      </c>
    </row>
    <row r="1127" spans="1:9" x14ac:dyDescent="0.25">
      <c r="A1127" s="1" t="s">
        <v>1135</v>
      </c>
      <c r="B1127" s="2">
        <v>2</v>
      </c>
      <c r="C1127" t="s">
        <v>22</v>
      </c>
      <c r="D1127" s="2">
        <v>120</v>
      </c>
      <c r="E1127">
        <v>15</v>
      </c>
      <c r="F1127" s="3">
        <v>3.6</v>
      </c>
      <c r="G1127">
        <v>27.777777777777779</v>
      </c>
      <c r="H1127" s="3">
        <v>1</v>
      </c>
      <c r="I1127" s="3">
        <v>2</v>
      </c>
    </row>
    <row r="1128" spans="1:9" x14ac:dyDescent="0.25">
      <c r="A1128" s="1" t="s">
        <v>1136</v>
      </c>
      <c r="B1128" s="2">
        <v>14</v>
      </c>
      <c r="C1128" t="s">
        <v>11</v>
      </c>
      <c r="D1128" s="2">
        <v>480</v>
      </c>
      <c r="E1128">
        <v>30</v>
      </c>
      <c r="F1128" s="3">
        <v>43.2</v>
      </c>
      <c r="G1128">
        <v>2.3148148148148149</v>
      </c>
      <c r="H1128" s="3">
        <v>3</v>
      </c>
      <c r="I1128" s="3">
        <v>4</v>
      </c>
    </row>
    <row r="1129" spans="1:9" x14ac:dyDescent="0.25">
      <c r="A1129" s="1" t="s">
        <v>1137</v>
      </c>
      <c r="B1129" s="2">
        <v>14</v>
      </c>
      <c r="C1129" t="s">
        <v>11</v>
      </c>
      <c r="D1129" s="2">
        <v>120</v>
      </c>
      <c r="E1129">
        <v>2.5</v>
      </c>
      <c r="F1129" s="3">
        <v>0.9</v>
      </c>
      <c r="G1129">
        <v>111.11111111111111</v>
      </c>
      <c r="H1129" s="3">
        <v>3</v>
      </c>
      <c r="I1129" s="3">
        <v>4</v>
      </c>
    </row>
    <row r="1130" spans="1:9" x14ac:dyDescent="0.25">
      <c r="A1130" s="1" t="s">
        <v>1138</v>
      </c>
      <c r="B1130" s="2">
        <v>14</v>
      </c>
      <c r="C1130" t="s">
        <v>11</v>
      </c>
      <c r="D1130" s="2">
        <v>277</v>
      </c>
      <c r="E1130">
        <v>2.5</v>
      </c>
      <c r="F1130" s="3">
        <v>1.8</v>
      </c>
      <c r="G1130">
        <v>55.555555555555557</v>
      </c>
      <c r="H1130" s="3">
        <v>3</v>
      </c>
      <c r="I1130" s="3">
        <v>4</v>
      </c>
    </row>
    <row r="1131" spans="1:9" x14ac:dyDescent="0.25">
      <c r="A1131" s="1" t="s">
        <v>1139</v>
      </c>
      <c r="B1131" s="2">
        <v>14</v>
      </c>
      <c r="C1131" t="s">
        <v>11</v>
      </c>
      <c r="D1131" s="2">
        <v>480</v>
      </c>
      <c r="E1131">
        <v>2.5</v>
      </c>
      <c r="F1131" s="3">
        <v>1.8</v>
      </c>
      <c r="G1131">
        <v>55.555555555555557</v>
      </c>
      <c r="H1131" s="3">
        <v>3</v>
      </c>
      <c r="I1131" s="3">
        <v>4</v>
      </c>
    </row>
    <row r="1132" spans="1:9" x14ac:dyDescent="0.25">
      <c r="A1132" s="1" t="s">
        <v>1140</v>
      </c>
      <c r="B1132" s="2">
        <v>14</v>
      </c>
      <c r="C1132" t="s">
        <v>11</v>
      </c>
      <c r="D1132" s="2">
        <v>120</v>
      </c>
      <c r="E1132">
        <v>15</v>
      </c>
      <c r="F1132" s="3">
        <v>5.4</v>
      </c>
      <c r="G1132">
        <v>18.518518518518519</v>
      </c>
      <c r="H1132" s="3">
        <v>3</v>
      </c>
      <c r="I1132" s="3">
        <v>4</v>
      </c>
    </row>
    <row r="1133" spans="1:9" x14ac:dyDescent="0.25">
      <c r="A1133" s="1" t="s">
        <v>1141</v>
      </c>
      <c r="B1133" s="2">
        <v>14</v>
      </c>
      <c r="C1133" t="s">
        <v>11</v>
      </c>
      <c r="D1133" s="2">
        <v>120</v>
      </c>
      <c r="E1133">
        <v>50</v>
      </c>
      <c r="F1133" s="3">
        <v>18</v>
      </c>
      <c r="G1133">
        <v>5.5555555555555554</v>
      </c>
      <c r="H1133" s="3">
        <v>3</v>
      </c>
      <c r="I1133" s="3">
        <v>4</v>
      </c>
    </row>
    <row r="1134" spans="1:9" x14ac:dyDescent="0.25">
      <c r="A1134" s="1" t="s">
        <v>1142</v>
      </c>
      <c r="B1134" s="2">
        <v>12</v>
      </c>
      <c r="C1134" t="s">
        <v>13</v>
      </c>
      <c r="D1134" s="2">
        <v>120</v>
      </c>
      <c r="E1134">
        <v>30</v>
      </c>
      <c r="F1134" s="3">
        <v>14.4</v>
      </c>
      <c r="G1134">
        <v>13.888888888888889</v>
      </c>
      <c r="H1134" s="3">
        <v>1</v>
      </c>
      <c r="I1134" s="3">
        <v>3</v>
      </c>
    </row>
    <row r="1135" spans="1:9" x14ac:dyDescent="0.25">
      <c r="A1135" s="1" t="s">
        <v>1143</v>
      </c>
      <c r="B1135" s="2">
        <v>8</v>
      </c>
      <c r="C1135" t="s">
        <v>13</v>
      </c>
      <c r="D1135" s="2">
        <v>240</v>
      </c>
      <c r="E1135">
        <v>5</v>
      </c>
      <c r="F1135" s="3">
        <v>2.4</v>
      </c>
      <c r="G1135">
        <v>83.333333333333329</v>
      </c>
      <c r="H1135" s="3">
        <v>3</v>
      </c>
      <c r="I1135" s="3">
        <v>4</v>
      </c>
    </row>
    <row r="1136" spans="1:9" x14ac:dyDescent="0.25">
      <c r="A1136" s="1" t="s">
        <v>1144</v>
      </c>
      <c r="B1136" s="2">
        <v>6</v>
      </c>
      <c r="C1136" t="s">
        <v>13</v>
      </c>
      <c r="D1136" s="2">
        <v>277</v>
      </c>
      <c r="E1136">
        <v>5</v>
      </c>
      <c r="F1136" s="3">
        <v>3.6</v>
      </c>
      <c r="G1136">
        <v>55.555555555555557</v>
      </c>
      <c r="H1136" s="3">
        <v>3</v>
      </c>
      <c r="I1136" s="3">
        <v>4</v>
      </c>
    </row>
    <row r="1137" spans="1:10" x14ac:dyDescent="0.25">
      <c r="A1137" s="1" t="s">
        <v>1145</v>
      </c>
      <c r="B1137" s="2">
        <v>6</v>
      </c>
      <c r="C1137" t="s">
        <v>13</v>
      </c>
      <c r="D1137" s="2">
        <v>120</v>
      </c>
      <c r="E1137">
        <v>5</v>
      </c>
      <c r="F1137" s="3">
        <v>1.8</v>
      </c>
      <c r="G1137">
        <v>111.11111111111111</v>
      </c>
      <c r="H1137" s="3">
        <v>3</v>
      </c>
      <c r="I1137" s="3">
        <v>4</v>
      </c>
    </row>
    <row r="1138" spans="1:10" x14ac:dyDescent="0.25">
      <c r="A1138" s="1" t="s">
        <v>1146</v>
      </c>
      <c r="B1138" s="2">
        <v>5</v>
      </c>
      <c r="C1138" t="s">
        <v>13</v>
      </c>
      <c r="D1138" s="2">
        <v>240</v>
      </c>
      <c r="E1138">
        <v>5</v>
      </c>
      <c r="F1138" s="3">
        <v>2.4</v>
      </c>
      <c r="G1138">
        <v>83.333333333333329</v>
      </c>
      <c r="H1138" s="3">
        <v>3</v>
      </c>
      <c r="I1138" s="3">
        <v>3</v>
      </c>
    </row>
    <row r="1139" spans="1:10" x14ac:dyDescent="0.25">
      <c r="A1139" s="1" t="s">
        <v>1147</v>
      </c>
      <c r="B1139" s="2">
        <v>5</v>
      </c>
      <c r="C1139" t="s">
        <v>13</v>
      </c>
      <c r="D1139" s="2">
        <v>120</v>
      </c>
      <c r="E1139">
        <v>5</v>
      </c>
      <c r="F1139" s="3">
        <v>1.2</v>
      </c>
      <c r="G1139">
        <v>166.66666666666666</v>
      </c>
      <c r="H1139" s="3">
        <v>3</v>
      </c>
      <c r="I1139" s="3">
        <v>3</v>
      </c>
    </row>
    <row r="1140" spans="1:10" x14ac:dyDescent="0.25">
      <c r="A1140" s="1" t="s">
        <v>1148</v>
      </c>
      <c r="B1140" s="2">
        <v>6</v>
      </c>
      <c r="C1140" t="s">
        <v>13</v>
      </c>
      <c r="D1140" s="2">
        <v>120</v>
      </c>
      <c r="E1140">
        <v>5</v>
      </c>
      <c r="F1140" s="3">
        <v>1.8</v>
      </c>
      <c r="G1140" t="s">
        <v>187</v>
      </c>
      <c r="H1140" s="3">
        <v>3</v>
      </c>
      <c r="I1140" s="3">
        <v>4</v>
      </c>
    </row>
    <row r="1141" spans="1:10" x14ac:dyDescent="0.25">
      <c r="A1141" s="1" t="s">
        <v>1149</v>
      </c>
      <c r="B1141" s="2">
        <v>5</v>
      </c>
      <c r="C1141" t="s">
        <v>13</v>
      </c>
      <c r="D1141" s="2">
        <v>120</v>
      </c>
      <c r="E1141">
        <v>5</v>
      </c>
      <c r="F1141" s="3">
        <v>1.2</v>
      </c>
      <c r="G1141" t="s">
        <v>187</v>
      </c>
      <c r="H1141" s="3">
        <v>3</v>
      </c>
      <c r="I1141" s="3">
        <v>3</v>
      </c>
    </row>
    <row r="1142" spans="1:10" x14ac:dyDescent="0.25">
      <c r="A1142" s="1" t="s">
        <v>1150</v>
      </c>
      <c r="B1142" s="2">
        <v>5</v>
      </c>
      <c r="C1142" t="s">
        <v>13</v>
      </c>
      <c r="D1142" s="2">
        <v>277</v>
      </c>
      <c r="E1142">
        <v>5</v>
      </c>
      <c r="F1142" s="3">
        <v>2.4</v>
      </c>
      <c r="G1142">
        <v>83.333333333333329</v>
      </c>
      <c r="H1142" s="3">
        <v>3</v>
      </c>
      <c r="I1142" s="3">
        <v>3</v>
      </c>
    </row>
    <row r="1143" spans="1:10" x14ac:dyDescent="0.25">
      <c r="A1143" s="1" t="s">
        <v>1151</v>
      </c>
      <c r="B1143" s="2">
        <v>17</v>
      </c>
      <c r="C1143" t="s">
        <v>13</v>
      </c>
      <c r="D1143" s="2">
        <v>120</v>
      </c>
      <c r="E1143">
        <v>30</v>
      </c>
      <c r="F1143" s="3">
        <v>3.6</v>
      </c>
      <c r="G1143" t="s">
        <v>187</v>
      </c>
      <c r="H1143" s="3">
        <v>3</v>
      </c>
      <c r="I1143" s="3">
        <v>4</v>
      </c>
    </row>
    <row r="1144" spans="1:10" x14ac:dyDescent="0.25">
      <c r="A1144" s="1" t="s">
        <v>1152</v>
      </c>
      <c r="B1144" s="2">
        <v>16</v>
      </c>
      <c r="C1144" t="s">
        <v>13</v>
      </c>
      <c r="D1144" s="2">
        <v>120</v>
      </c>
      <c r="E1144">
        <v>30</v>
      </c>
      <c r="F1144" s="3">
        <v>3.6</v>
      </c>
      <c r="G1144" t="s">
        <v>187</v>
      </c>
      <c r="H1144" s="3">
        <v>3</v>
      </c>
      <c r="I1144" s="3">
        <v>4</v>
      </c>
    </row>
    <row r="1145" spans="1:10" x14ac:dyDescent="0.25">
      <c r="A1145" s="1" t="s">
        <v>1153</v>
      </c>
      <c r="B1145" s="2">
        <v>9</v>
      </c>
      <c r="C1145" t="s">
        <v>13</v>
      </c>
      <c r="D1145" s="2">
        <v>120</v>
      </c>
      <c r="E1145">
        <v>2.5</v>
      </c>
      <c r="F1145" s="3">
        <v>0.3</v>
      </c>
      <c r="G1145" t="s">
        <v>187</v>
      </c>
      <c r="H1145" s="3">
        <v>3</v>
      </c>
      <c r="I1145" s="3">
        <v>4</v>
      </c>
    </row>
    <row r="1146" spans="1:10" x14ac:dyDescent="0.25">
      <c r="A1146" s="1" t="s">
        <v>1154</v>
      </c>
      <c r="B1146" s="2">
        <v>16</v>
      </c>
      <c r="C1146" t="s">
        <v>13</v>
      </c>
      <c r="D1146" s="2">
        <v>120</v>
      </c>
      <c r="E1146">
        <v>50</v>
      </c>
      <c r="F1146" s="3">
        <v>21.6</v>
      </c>
      <c r="G1146" t="s">
        <v>187</v>
      </c>
      <c r="H1146" s="3">
        <v>3</v>
      </c>
      <c r="I1146" s="3">
        <v>4</v>
      </c>
    </row>
    <row r="1147" spans="1:10" x14ac:dyDescent="0.25">
      <c r="A1147" s="1" t="s">
        <v>1155</v>
      </c>
      <c r="B1147" s="2">
        <v>12</v>
      </c>
      <c r="C1147" t="s">
        <v>13</v>
      </c>
      <c r="D1147" s="2">
        <v>120</v>
      </c>
      <c r="E1147">
        <v>50</v>
      </c>
      <c r="F1147" s="3">
        <v>14.4</v>
      </c>
      <c r="G1147" t="s">
        <v>187</v>
      </c>
      <c r="H1147" s="3">
        <v>3</v>
      </c>
      <c r="I1147" s="3">
        <v>3</v>
      </c>
      <c r="J1147" s="3">
        <v>1.2</v>
      </c>
    </row>
    <row r="1148" spans="1:10" x14ac:dyDescent="0.25">
      <c r="A1148" s="1" t="s">
        <v>1156</v>
      </c>
      <c r="B1148" s="2">
        <v>12</v>
      </c>
      <c r="C1148" t="s">
        <v>13</v>
      </c>
      <c r="D1148" s="2">
        <v>240</v>
      </c>
      <c r="E1148">
        <v>50</v>
      </c>
      <c r="F1148" s="3">
        <v>28.8</v>
      </c>
      <c r="G1148" t="s">
        <v>187</v>
      </c>
      <c r="H1148" s="3">
        <v>3</v>
      </c>
      <c r="I1148" s="3">
        <v>3</v>
      </c>
    </row>
    <row r="1149" spans="1:10" x14ac:dyDescent="0.25">
      <c r="A1149" s="1" t="s">
        <v>1157</v>
      </c>
      <c r="B1149" s="2">
        <v>12</v>
      </c>
      <c r="C1149" t="s">
        <v>13</v>
      </c>
      <c r="D1149" s="2">
        <v>480</v>
      </c>
      <c r="E1149">
        <v>50</v>
      </c>
      <c r="F1149" s="3">
        <v>57.6</v>
      </c>
      <c r="G1149" t="s">
        <v>187</v>
      </c>
      <c r="H1149" s="3">
        <v>3</v>
      </c>
      <c r="I1149" s="3">
        <v>3</v>
      </c>
    </row>
    <row r="1150" spans="1:10" x14ac:dyDescent="0.25">
      <c r="A1150" s="1" t="s">
        <v>1158</v>
      </c>
      <c r="B1150" s="2">
        <v>15</v>
      </c>
      <c r="C1150" t="s">
        <v>13</v>
      </c>
      <c r="D1150" s="2">
        <v>240</v>
      </c>
      <c r="E1150">
        <v>50</v>
      </c>
      <c r="F1150" s="3">
        <v>28.8</v>
      </c>
      <c r="G1150" t="s">
        <v>187</v>
      </c>
      <c r="H1150" s="3">
        <v>3</v>
      </c>
      <c r="I1150" s="3">
        <v>4</v>
      </c>
    </row>
    <row r="1151" spans="1:10" x14ac:dyDescent="0.25">
      <c r="A1151" s="1" t="s">
        <v>1159</v>
      </c>
      <c r="B1151" s="2">
        <v>15</v>
      </c>
      <c r="C1151" t="s">
        <v>13</v>
      </c>
      <c r="D1151" s="2">
        <v>480</v>
      </c>
      <c r="E1151">
        <v>50</v>
      </c>
      <c r="F1151" s="3">
        <v>57.6</v>
      </c>
      <c r="G1151" t="s">
        <v>187</v>
      </c>
      <c r="H1151" s="3">
        <v>3</v>
      </c>
      <c r="I1151" s="3">
        <v>4</v>
      </c>
    </row>
    <row r="1152" spans="1:10" x14ac:dyDescent="0.25">
      <c r="A1152" s="1" t="s">
        <v>1160</v>
      </c>
      <c r="B1152" s="2">
        <v>16</v>
      </c>
      <c r="C1152" t="s">
        <v>13</v>
      </c>
      <c r="D1152" s="2">
        <v>277</v>
      </c>
      <c r="E1152">
        <v>50</v>
      </c>
      <c r="F1152" s="3">
        <v>43.2</v>
      </c>
      <c r="G1152" t="s">
        <v>187</v>
      </c>
      <c r="H1152" s="3">
        <v>3</v>
      </c>
      <c r="I1152" s="3">
        <v>4</v>
      </c>
    </row>
    <row r="1153" spans="1:10" x14ac:dyDescent="0.25">
      <c r="A1153" s="1" t="s">
        <v>1161</v>
      </c>
      <c r="B1153" s="2">
        <v>1</v>
      </c>
      <c r="C1153" t="s">
        <v>13</v>
      </c>
      <c r="D1153" s="2">
        <v>120</v>
      </c>
      <c r="E1153">
        <v>15</v>
      </c>
      <c r="F1153" s="3">
        <v>1.8</v>
      </c>
      <c r="G1153" t="s">
        <v>187</v>
      </c>
      <c r="H1153" s="3">
        <v>1</v>
      </c>
      <c r="I1153" s="3">
        <v>2</v>
      </c>
      <c r="J1153" s="3">
        <v>0.15</v>
      </c>
    </row>
    <row r="1154" spans="1:10" x14ac:dyDescent="0.25">
      <c r="A1154" s="1" t="s">
        <v>1162</v>
      </c>
      <c r="B1154" s="2">
        <v>5</v>
      </c>
      <c r="C1154" t="s">
        <v>22</v>
      </c>
      <c r="D1154" s="2">
        <v>120</v>
      </c>
      <c r="E1154">
        <v>10</v>
      </c>
      <c r="F1154" s="3">
        <v>0</v>
      </c>
      <c r="G1154" t="s">
        <v>187</v>
      </c>
      <c r="H1154" s="3">
        <v>3</v>
      </c>
      <c r="I1154" s="3">
        <v>3</v>
      </c>
    </row>
    <row r="1155" spans="1:10" x14ac:dyDescent="0.25">
      <c r="A1155" s="1" t="s">
        <v>1163</v>
      </c>
      <c r="B1155" s="2">
        <v>6</v>
      </c>
      <c r="C1155" t="s">
        <v>22</v>
      </c>
      <c r="D1155" s="2">
        <v>120</v>
      </c>
      <c r="E1155">
        <v>10</v>
      </c>
      <c r="F1155" s="3">
        <v>0</v>
      </c>
      <c r="G1155" t="s">
        <v>187</v>
      </c>
      <c r="H1155" s="3">
        <v>3</v>
      </c>
      <c r="I1155" s="3">
        <v>4</v>
      </c>
    </row>
    <row r="1156" spans="1:10" x14ac:dyDescent="0.25">
      <c r="A1156" s="1" t="s">
        <v>1164</v>
      </c>
      <c r="B1156" s="2">
        <v>8</v>
      </c>
      <c r="C1156" t="s">
        <v>22</v>
      </c>
      <c r="D1156" s="2">
        <v>480</v>
      </c>
      <c r="E1156">
        <v>2.5</v>
      </c>
      <c r="F1156" s="3">
        <v>4.8</v>
      </c>
      <c r="G1156" t="s">
        <v>187</v>
      </c>
      <c r="H1156" s="3">
        <v>3</v>
      </c>
      <c r="I1156" s="3">
        <v>4</v>
      </c>
    </row>
    <row r="1157" spans="1:10" x14ac:dyDescent="0.25">
      <c r="A1157" s="1" t="s">
        <v>1165</v>
      </c>
      <c r="B1157" s="2">
        <v>5</v>
      </c>
      <c r="C1157" t="s">
        <v>13</v>
      </c>
      <c r="D1157" s="2">
        <v>0</v>
      </c>
      <c r="E1157">
        <v>0</v>
      </c>
      <c r="F1157" s="3">
        <v>0</v>
      </c>
      <c r="G1157" t="s">
        <v>187</v>
      </c>
      <c r="H1157" s="3">
        <v>3</v>
      </c>
      <c r="I1157" s="3">
        <v>3</v>
      </c>
    </row>
    <row r="1158" spans="1:10" x14ac:dyDescent="0.25">
      <c r="A1158" s="1" t="s">
        <v>1166</v>
      </c>
      <c r="B1158" s="2">
        <v>6</v>
      </c>
      <c r="C1158" t="s">
        <v>13</v>
      </c>
      <c r="D1158" s="2">
        <v>0</v>
      </c>
      <c r="E1158">
        <v>0</v>
      </c>
      <c r="F1158" s="3">
        <v>0</v>
      </c>
      <c r="G1158" t="s">
        <v>187</v>
      </c>
      <c r="H1158" s="3">
        <v>3</v>
      </c>
      <c r="I1158" s="3">
        <v>4</v>
      </c>
    </row>
    <row r="1159" spans="1:10" x14ac:dyDescent="0.25">
      <c r="A1159" s="1" t="s">
        <v>1167</v>
      </c>
      <c r="B1159" s="2">
        <v>9</v>
      </c>
      <c r="C1159" t="s">
        <v>13</v>
      </c>
      <c r="D1159" s="2">
        <v>0</v>
      </c>
      <c r="E1159">
        <v>0</v>
      </c>
      <c r="F1159" s="3">
        <v>0</v>
      </c>
      <c r="G1159" t="s">
        <v>187</v>
      </c>
      <c r="H1159" s="3">
        <v>3</v>
      </c>
      <c r="I1159" s="3">
        <v>4</v>
      </c>
    </row>
    <row r="1160" spans="1:10" x14ac:dyDescent="0.25">
      <c r="A1160" s="1" t="s">
        <v>1168</v>
      </c>
      <c r="B1160" s="2">
        <v>10</v>
      </c>
      <c r="C1160" t="s">
        <v>13</v>
      </c>
      <c r="D1160" s="2">
        <v>0</v>
      </c>
      <c r="E1160">
        <v>0</v>
      </c>
      <c r="F1160" s="3">
        <v>0</v>
      </c>
      <c r="G1160" t="s">
        <v>187</v>
      </c>
      <c r="H1160" s="3">
        <v>3</v>
      </c>
      <c r="I1160" s="3">
        <v>4</v>
      </c>
    </row>
  </sheetData>
  <mergeCells count="1">
    <mergeCell ref="A1:J1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9FD59D5-AE8F-44BE-A2CB-E5538F82A948}">
  <dimension ref="A1:D47"/>
  <sheetViews>
    <sheetView workbookViewId="0">
      <selection activeCell="D7" sqref="D7"/>
    </sheetView>
  </sheetViews>
  <sheetFormatPr defaultRowHeight="15" x14ac:dyDescent="0.25"/>
  <cols>
    <col min="1" max="1" width="10.5703125" bestFit="1" customWidth="1"/>
    <col min="2" max="2" width="23.7109375" bestFit="1" customWidth="1"/>
    <col min="3" max="3" width="60.5703125" bestFit="1" customWidth="1"/>
    <col min="4" max="4" width="30.7109375" customWidth="1"/>
  </cols>
  <sheetData>
    <row r="1" spans="1:4" ht="20.25" x14ac:dyDescent="0.25">
      <c r="A1" s="29" t="s">
        <v>1169</v>
      </c>
      <c r="B1" s="30"/>
      <c r="C1" s="30"/>
      <c r="D1" s="31"/>
    </row>
    <row r="2" spans="1:4" ht="18.75" x14ac:dyDescent="0.3">
      <c r="A2" s="32" t="s">
        <v>1170</v>
      </c>
      <c r="B2" s="32" t="s">
        <v>1171</v>
      </c>
      <c r="C2" s="32" t="s">
        <v>1172</v>
      </c>
      <c r="D2" s="32" t="s">
        <v>1173</v>
      </c>
    </row>
    <row r="3" spans="1:4" x14ac:dyDescent="0.25">
      <c r="A3" s="27" t="s">
        <v>1174</v>
      </c>
      <c r="B3" s="27" t="s">
        <v>1175</v>
      </c>
      <c r="C3" s="27" t="s">
        <v>1176</v>
      </c>
      <c r="D3" s="12" t="s">
        <v>1261</v>
      </c>
    </row>
    <row r="4" spans="1:4" x14ac:dyDescent="0.25">
      <c r="A4" s="11" t="s">
        <v>22</v>
      </c>
      <c r="B4" s="11" t="s">
        <v>1177</v>
      </c>
      <c r="C4" s="13" t="s">
        <v>1178</v>
      </c>
      <c r="D4" s="13"/>
    </row>
    <row r="5" spans="1:4" x14ac:dyDescent="0.25">
      <c r="A5" s="11" t="s">
        <v>11</v>
      </c>
      <c r="B5" s="11" t="s">
        <v>1179</v>
      </c>
      <c r="C5" s="14" t="s">
        <v>1180</v>
      </c>
      <c r="D5" s="13"/>
    </row>
    <row r="6" spans="1:4" x14ac:dyDescent="0.25">
      <c r="A6" s="11" t="s">
        <v>1181</v>
      </c>
      <c r="B6" s="11" t="s">
        <v>1182</v>
      </c>
      <c r="C6" s="14" t="s">
        <v>1183</v>
      </c>
      <c r="D6" s="13"/>
    </row>
    <row r="7" spans="1:4" x14ac:dyDescent="0.25">
      <c r="A7" s="11" t="s">
        <v>1184</v>
      </c>
      <c r="B7" s="11" t="s">
        <v>1185</v>
      </c>
      <c r="C7" s="14" t="s">
        <v>1186</v>
      </c>
      <c r="D7" s="13"/>
    </row>
    <row r="8" spans="1:4" x14ac:dyDescent="0.25">
      <c r="A8" s="11" t="s">
        <v>1187</v>
      </c>
      <c r="B8" s="11" t="s">
        <v>1188</v>
      </c>
      <c r="C8" s="13" t="s">
        <v>1189</v>
      </c>
      <c r="D8" s="13"/>
    </row>
    <row r="9" spans="1:4" x14ac:dyDescent="0.25">
      <c r="A9" s="11" t="s">
        <v>1190</v>
      </c>
      <c r="B9" s="11" t="s">
        <v>1191</v>
      </c>
      <c r="C9" s="13" t="s">
        <v>1192</v>
      </c>
      <c r="D9" s="13"/>
    </row>
    <row r="10" spans="1:4" x14ac:dyDescent="0.25">
      <c r="A10" s="11" t="s">
        <v>1193</v>
      </c>
      <c r="B10" s="11" t="s">
        <v>1194</v>
      </c>
      <c r="C10" s="15" t="s">
        <v>1195</v>
      </c>
      <c r="D10" s="13"/>
    </row>
    <row r="11" spans="1:4" x14ac:dyDescent="0.25">
      <c r="A11" s="11" t="s">
        <v>1196</v>
      </c>
      <c r="B11" s="11" t="s">
        <v>1197</v>
      </c>
      <c r="C11" s="16" t="s">
        <v>1198</v>
      </c>
      <c r="D11" s="13"/>
    </row>
    <row r="12" spans="1:4" x14ac:dyDescent="0.25">
      <c r="A12" s="17" t="s">
        <v>1199</v>
      </c>
      <c r="B12" s="17" t="s">
        <v>1200</v>
      </c>
      <c r="C12" s="18" t="s">
        <v>1258</v>
      </c>
      <c r="D12" s="13" t="s">
        <v>1201</v>
      </c>
    </row>
    <row r="13" spans="1:4" x14ac:dyDescent="0.25">
      <c r="A13" s="11" t="s">
        <v>1202</v>
      </c>
      <c r="B13" s="11">
        <v>10</v>
      </c>
      <c r="C13" s="19" t="s">
        <v>1203</v>
      </c>
      <c r="D13" s="14" t="s">
        <v>1204</v>
      </c>
    </row>
    <row r="14" spans="1:4" x14ac:dyDescent="0.25">
      <c r="A14" s="11" t="s">
        <v>271</v>
      </c>
      <c r="B14" s="11">
        <v>11</v>
      </c>
      <c r="C14" s="13" t="s">
        <v>1205</v>
      </c>
      <c r="D14" s="13"/>
    </row>
    <row r="15" spans="1:4" x14ac:dyDescent="0.25">
      <c r="A15" s="11" t="s">
        <v>1206</v>
      </c>
      <c r="B15" s="11">
        <v>12</v>
      </c>
      <c r="C15" s="20" t="s">
        <v>1207</v>
      </c>
      <c r="D15" s="13"/>
    </row>
    <row r="16" spans="1:4" x14ac:dyDescent="0.25">
      <c r="A16" s="11" t="s">
        <v>1208</v>
      </c>
      <c r="B16" s="11">
        <v>13</v>
      </c>
      <c r="C16" s="19" t="s">
        <v>1209</v>
      </c>
      <c r="D16" s="14" t="s">
        <v>1204</v>
      </c>
    </row>
    <row r="17" spans="1:4" x14ac:dyDescent="0.25">
      <c r="A17" s="11" t="s">
        <v>1210</v>
      </c>
      <c r="B17" s="11">
        <v>14</v>
      </c>
      <c r="C17" s="13" t="s">
        <v>1211</v>
      </c>
      <c r="D17" s="13"/>
    </row>
    <row r="18" spans="1:4" x14ac:dyDescent="0.25">
      <c r="A18" s="11" t="s">
        <v>1212</v>
      </c>
      <c r="B18" s="11">
        <v>15</v>
      </c>
      <c r="C18" s="19" t="s">
        <v>1213</v>
      </c>
      <c r="D18" s="14" t="s">
        <v>1204</v>
      </c>
    </row>
    <row r="19" spans="1:4" x14ac:dyDescent="0.25">
      <c r="A19" s="11" t="s">
        <v>1214</v>
      </c>
      <c r="B19" s="11">
        <v>16</v>
      </c>
      <c r="C19" s="13" t="s">
        <v>1215</v>
      </c>
      <c r="D19" s="13"/>
    </row>
    <row r="20" spans="1:4" x14ac:dyDescent="0.25">
      <c r="A20" s="11" t="s">
        <v>1216</v>
      </c>
      <c r="B20" s="11">
        <v>17</v>
      </c>
      <c r="C20" s="19" t="s">
        <v>1217</v>
      </c>
      <c r="D20" s="14" t="s">
        <v>1204</v>
      </c>
    </row>
    <row r="21" spans="1:4" x14ac:dyDescent="0.25">
      <c r="A21" s="11" t="s">
        <v>91</v>
      </c>
      <c r="B21" s="11">
        <v>18</v>
      </c>
      <c r="C21" s="19" t="s">
        <v>1218</v>
      </c>
      <c r="D21" s="14" t="s">
        <v>1204</v>
      </c>
    </row>
    <row r="22" spans="1:4" x14ac:dyDescent="0.25">
      <c r="A22" s="11" t="s">
        <v>13</v>
      </c>
      <c r="B22" s="11">
        <v>19</v>
      </c>
      <c r="C22" s="13" t="s">
        <v>1219</v>
      </c>
      <c r="D22" s="21" t="s">
        <v>1260</v>
      </c>
    </row>
    <row r="23" spans="1:4" x14ac:dyDescent="0.25">
      <c r="A23" s="11" t="s">
        <v>420</v>
      </c>
      <c r="B23" s="11">
        <v>20</v>
      </c>
      <c r="C23" s="19" t="s">
        <v>1220</v>
      </c>
      <c r="D23" s="14" t="s">
        <v>1204</v>
      </c>
    </row>
    <row r="24" spans="1:4" x14ac:dyDescent="0.25">
      <c r="A24" s="11" t="s">
        <v>1221</v>
      </c>
      <c r="B24" s="11">
        <v>21</v>
      </c>
      <c r="C24" s="22" t="s">
        <v>1222</v>
      </c>
      <c r="D24" s="13"/>
    </row>
    <row r="25" spans="1:4" x14ac:dyDescent="0.25">
      <c r="A25" s="11" t="s">
        <v>1223</v>
      </c>
      <c r="B25" s="11">
        <v>22</v>
      </c>
      <c r="C25" s="13" t="s">
        <v>1224</v>
      </c>
      <c r="D25" s="13"/>
    </row>
    <row r="26" spans="1:4" x14ac:dyDescent="0.25">
      <c r="A26" s="11" t="s">
        <v>1225</v>
      </c>
      <c r="B26" s="11">
        <v>23</v>
      </c>
      <c r="C26" s="19" t="s">
        <v>1226</v>
      </c>
      <c r="D26" s="14" t="s">
        <v>1204</v>
      </c>
    </row>
    <row r="27" spans="1:4" x14ac:dyDescent="0.25">
      <c r="A27" s="11" t="s">
        <v>1227</v>
      </c>
      <c r="B27" s="11" t="s">
        <v>67</v>
      </c>
      <c r="C27" s="23" t="s">
        <v>1228</v>
      </c>
      <c r="D27" s="13"/>
    </row>
    <row r="28" spans="1:4" x14ac:dyDescent="0.25">
      <c r="A28" s="11" t="s">
        <v>1229</v>
      </c>
      <c r="B28" s="11">
        <v>25</v>
      </c>
      <c r="C28" s="14" t="s">
        <v>1230</v>
      </c>
      <c r="D28" s="13"/>
    </row>
    <row r="29" spans="1:4" x14ac:dyDescent="0.25">
      <c r="A29" s="11" t="s">
        <v>27</v>
      </c>
      <c r="B29" s="11">
        <v>26</v>
      </c>
      <c r="C29" s="13" t="s">
        <v>1231</v>
      </c>
      <c r="D29" s="13"/>
    </row>
    <row r="30" spans="1:4" x14ac:dyDescent="0.25">
      <c r="A30" s="11" t="s">
        <v>1232</v>
      </c>
      <c r="B30" s="11">
        <v>27</v>
      </c>
      <c r="C30" s="13" t="s">
        <v>1233</v>
      </c>
      <c r="D30" s="13"/>
    </row>
    <row r="31" spans="1:4" x14ac:dyDescent="0.25">
      <c r="A31" s="11">
        <v>1</v>
      </c>
      <c r="B31" s="11">
        <v>28</v>
      </c>
      <c r="C31" s="19" t="s">
        <v>1234</v>
      </c>
      <c r="D31" s="14" t="s">
        <v>1204</v>
      </c>
    </row>
    <row r="32" spans="1:4" x14ac:dyDescent="0.25">
      <c r="A32" s="11">
        <v>2</v>
      </c>
      <c r="B32" s="11">
        <v>29</v>
      </c>
      <c r="C32" s="19" t="s">
        <v>1235</v>
      </c>
      <c r="D32" s="14" t="s">
        <v>1204</v>
      </c>
    </row>
    <row r="33" spans="1:4" x14ac:dyDescent="0.25">
      <c r="A33" s="11">
        <v>3</v>
      </c>
      <c r="B33" s="11">
        <v>30</v>
      </c>
      <c r="C33" s="24" t="s">
        <v>1236</v>
      </c>
      <c r="D33" s="14" t="s">
        <v>1204</v>
      </c>
    </row>
    <row r="34" spans="1:4" x14ac:dyDescent="0.25">
      <c r="A34" s="11">
        <v>4</v>
      </c>
      <c r="B34" s="11">
        <v>31</v>
      </c>
      <c r="C34" s="13" t="s">
        <v>1237</v>
      </c>
      <c r="D34" s="13"/>
    </row>
    <row r="35" spans="1:4" x14ac:dyDescent="0.25">
      <c r="A35" s="11">
        <v>5</v>
      </c>
      <c r="B35" s="11">
        <v>32</v>
      </c>
      <c r="C35" s="23" t="s">
        <v>1238</v>
      </c>
      <c r="D35" s="13"/>
    </row>
    <row r="36" spans="1:4" x14ac:dyDescent="0.25">
      <c r="A36" s="11">
        <v>6</v>
      </c>
      <c r="B36" s="11">
        <v>33</v>
      </c>
      <c r="C36" s="23" t="s">
        <v>1239</v>
      </c>
      <c r="D36" s="13"/>
    </row>
    <row r="37" spans="1:4" x14ac:dyDescent="0.25">
      <c r="A37" s="11">
        <v>7</v>
      </c>
      <c r="B37" s="11">
        <v>34</v>
      </c>
      <c r="C37" s="23" t="s">
        <v>1240</v>
      </c>
      <c r="D37" s="13"/>
    </row>
    <row r="38" spans="1:4" x14ac:dyDescent="0.25">
      <c r="A38" s="11">
        <v>8</v>
      </c>
      <c r="B38" s="11">
        <v>35</v>
      </c>
      <c r="C38" s="24" t="s">
        <v>1241</v>
      </c>
      <c r="D38" s="14" t="s">
        <v>1204</v>
      </c>
    </row>
    <row r="39" spans="1:4" x14ac:dyDescent="0.25">
      <c r="A39" s="11">
        <v>9</v>
      </c>
      <c r="B39" s="11">
        <v>36</v>
      </c>
      <c r="C39" s="23" t="s">
        <v>1242</v>
      </c>
      <c r="D39" s="13"/>
    </row>
    <row r="40" spans="1:4" x14ac:dyDescent="0.25">
      <c r="A40" s="17" t="s">
        <v>1243</v>
      </c>
      <c r="B40" s="17">
        <v>38</v>
      </c>
      <c r="C40" s="25" t="s">
        <v>1244</v>
      </c>
      <c r="D40" s="26" t="s">
        <v>1204</v>
      </c>
    </row>
    <row r="41" spans="1:4" x14ac:dyDescent="0.25">
      <c r="A41" s="17" t="s">
        <v>1245</v>
      </c>
      <c r="B41" s="17">
        <v>40</v>
      </c>
      <c r="C41" s="26" t="s">
        <v>1246</v>
      </c>
      <c r="D41" s="18"/>
    </row>
    <row r="42" spans="1:4" x14ac:dyDescent="0.25">
      <c r="A42" s="17" t="s">
        <v>1247</v>
      </c>
      <c r="B42" s="17">
        <v>41</v>
      </c>
      <c r="C42" s="18" t="s">
        <v>1248</v>
      </c>
      <c r="D42" s="18"/>
    </row>
    <row r="43" spans="1:4" x14ac:dyDescent="0.25">
      <c r="A43" s="17" t="s">
        <v>1249</v>
      </c>
      <c r="B43" s="17">
        <v>42</v>
      </c>
      <c r="C43" s="18" t="s">
        <v>1250</v>
      </c>
      <c r="D43" s="18"/>
    </row>
    <row r="44" spans="1:4" x14ac:dyDescent="0.25">
      <c r="A44" s="17" t="s">
        <v>1251</v>
      </c>
      <c r="B44" s="17">
        <v>50</v>
      </c>
      <c r="C44" s="18" t="s">
        <v>1252</v>
      </c>
      <c r="D44" s="18"/>
    </row>
    <row r="45" spans="1:4" x14ac:dyDescent="0.25">
      <c r="A45" s="17" t="s">
        <v>1253</v>
      </c>
      <c r="B45" s="17">
        <v>24</v>
      </c>
      <c r="C45" s="18"/>
      <c r="D45" s="18"/>
    </row>
    <row r="46" spans="1:4" x14ac:dyDescent="0.25">
      <c r="A46" s="17" t="s">
        <v>1254</v>
      </c>
      <c r="B46" s="17">
        <v>37</v>
      </c>
      <c r="C46" s="18" t="s">
        <v>1255</v>
      </c>
      <c r="D46" s="18"/>
    </row>
    <row r="47" spans="1:4" x14ac:dyDescent="0.25">
      <c r="A47" s="17" t="s">
        <v>1256</v>
      </c>
      <c r="B47" s="17">
        <v>39</v>
      </c>
      <c r="C47" s="26" t="s">
        <v>1257</v>
      </c>
      <c r="D47" s="18"/>
    </row>
  </sheetData>
  <mergeCells count="1">
    <mergeCell ref="A1:D1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WQ+e0U2RUFENDU3LUU2M0YtNEI0Ny05QTk0LUU0RjRCNzNDMUQyRH08L2lkPjxWYWxpZD50cnVlPC9WYWxpZD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xOTcyNDQ8L1VzZXJOYW1lPjxEYXRlVGltZT4xMS8yMS8yMDI1IDY6MTQ6MjcgUE08L0RhdGVUaW1lPjxMYWJlbFN0cmluZz5BRVAgSW50ZXJuYWw8L0xhYmVsU3RyaW5nPjwvaXRlbT48aXRlbT48c2lzbCBzaXNsVmVyc2lvbj0iMCIgcG9saWN5PSJlOWMwYjhkNy1iZGI0LTRmZDMtYjYyYS1mNTAzMjdhYWVmY2UiIG9yaWdpbj0idXNlclNlbGVjdGVkIj48ZWxlbWVudCB1aWQ9ImM1ZjhlYjEyLTViMjctNDM5ZC1hYWE2LTM0MDJhZjYyNmZhMy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MDk4OTQ8L1VzZXJOYW1lPjxEYXRlVGltZT40LzIzLzIwMjYgMTI6MDU6MzEgUE08L0RhdGVUaW1lPjxMYWJlbFN0cmluZz5BRVAgUHVibGljPC9MYWJlbFN0cmluZz48L2l0ZW0+PC9sYWJlbEhpc3Rvcnk+</Value>
  <Signature xmlns="http://www.w3.org/2000/09/xmldsig#">
    <SignedInfo>
      <CanonicalizationMethod Algorithm="http://www.w3.org/TR/2001/REC-xml-c14n-20010315"/>
      <SignatureMethod Algorithm="http://www.w3.org/2001/04/xmldsig-more#rsa-sha256"/>
      <Reference URI="">
        <Transforms>
          <Transform Algorithm="http://www.w3.org/2000/09/xmldsig#enveloped-signature"/>
        </Transforms>
        <DigestMethod Algorithm="http://www.w3.org/2001/04/xmlenc#sha256"/>
        <DigestValue>vFK1Xa4FYjXr8c6UJ7OGk7xO3sDxfsuCV5+UkQl8ojo=</DigestValue>
      </Reference>
      <Reference URI="#CLASSIFICATIONHISTORY">
        <DigestMethod Algorithm="http://www.w3.org/2001/04/xmlenc#sha256"/>
        <DigestValue>0y7DvuWJF0aB5/VIhqOPhWTGgQE8Ed9eqyElrRFwEHI=</DigestValue>
      </Reference>
    </SignedInfo>
    <SignatureValue>QvGbY/29UWLw/IwgQrNsooG0SWohA5YjXtHg/d0XgXj0UhH+n4meiUFXiSzrX6+WP/pdionjOk0WKZQD2fvX9A==</SignatureValue>
    <Object Id="CLASSIFICATIONHISTORY">
      <ArrayOfString xmlns:xsd="http://www.w3.org/2001/XMLSchema" xmlns:xsi="http://www.w3.org/2001/XMLSchema-instance" xmlns="">
        <string>Bo8pzckJsvP0ywSEZBfMxo3pskSdSE6i</string>
      </ArrayOfString>
    </Object>
  </Signatur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c5f8eb12-5b27-439d-aaa6-3402af626fa3" value=""/>
  <element uid="d14f5c36-f44a-4315-b438-005cfe8f069f" value=""/>
</sisl>
</file>

<file path=customXml/itemProps1.xml><?xml version="1.0" encoding="utf-8"?>
<ds:datastoreItem xmlns:ds="http://schemas.openxmlformats.org/officeDocument/2006/customXml" ds:itemID="{E6EAD457-E63F-4B47-9A94-E4F4B73C1D2D}">
  <ds:schemaRefs>
    <ds:schemaRef ds:uri="http://www.w3.org/2001/XMLSchema"/>
    <ds:schemaRef ds:uri="http://www.boldonjames.com/2016/02/Classifier/internal/wrappedLabelHistory"/>
    <ds:schemaRef ds:uri="http://www.w3.org/2000/09/xmldsig#"/>
    <ds:schemaRef ds:uri=""/>
  </ds:schemaRefs>
</ds:datastoreItem>
</file>

<file path=customXml/itemProps2.xml><?xml version="1.0" encoding="utf-8"?>
<ds:datastoreItem xmlns:ds="http://schemas.openxmlformats.org/officeDocument/2006/customXml" ds:itemID="{F03AC1A9-8C44-435A-8800-2FF8421B59D6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Key 1 &amp; 2</vt:lpstr>
      <vt:lpstr>Key 3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an G Darlison</dc:creator>
  <cp:lastModifiedBy>Ryan W Roe</cp:lastModifiedBy>
  <dcterms:created xsi:type="dcterms:W3CDTF">2025-11-21T18:14:13Z</dcterms:created>
  <dcterms:modified xsi:type="dcterms:W3CDTF">2026-04-23T12:17:3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c7f202b9-a092-4691-94b3-713fc96aac30</vt:lpwstr>
  </property>
  <property fmtid="{D5CDD505-2E9C-101B-9397-08002B2CF9AE}" pid="3" name="bjClsUserRVM">
    <vt:lpwstr>[]</vt:lpwstr>
  </property>
  <property fmtid="{D5CDD505-2E9C-101B-9397-08002B2CF9AE}" pid="4" name="bjSaver">
    <vt:lpwstr>rCTzRXpgkIaTmr37CYVhjdxr62DAiLMJ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c5f8eb12-5b27-439d-aaa6-3402af626fa3" value="" /&gt;&lt;element uid="d14f5c36-f44a-4315-b438-005cfe8f069f" value="" /&gt;&lt;/sisl&gt;</vt:lpwstr>
  </property>
  <property fmtid="{D5CDD505-2E9C-101B-9397-08002B2CF9AE}" pid="7" name="bjDocumentSecurityLabel">
    <vt:lpwstr>AEP Public</vt:lpwstr>
  </property>
  <property fmtid="{D5CDD505-2E9C-101B-9397-08002B2CF9AE}" pid="8" name="MSIP_Label_5c34e43d-0b77-4b2c-b224-1b46981ccfdb_SiteId">
    <vt:lpwstr>15f3c881-6b03-4ff6-8559-77bf5177818f</vt:lpwstr>
  </property>
  <property fmtid="{D5CDD505-2E9C-101B-9397-08002B2CF9AE}" pid="9" name="MSIP_Label_5c34e43d-0b77-4b2c-b224-1b46981ccfdb_Name">
    <vt:lpwstr>AEP Public</vt:lpwstr>
  </property>
  <property fmtid="{D5CDD505-2E9C-101B-9397-08002B2CF9AE}" pid="10" name="MSIP_Label_5c34e43d-0b77-4b2c-b224-1b46981ccfdb_Enabled">
    <vt:lpwstr>true</vt:lpwstr>
  </property>
  <property fmtid="{D5CDD505-2E9C-101B-9397-08002B2CF9AE}" pid="11" name="bjpmDocIH">
    <vt:lpwstr>o3YjrXYXRlfLBgCaCyhgVM3HRrs8ITz0</vt:lpwstr>
  </property>
  <property fmtid="{D5CDD505-2E9C-101B-9397-08002B2CF9AE}" pid="12" name="bjLabelHistoryID">
    <vt:lpwstr>{E6EAD457-E63F-4B47-9A94-E4F4B73C1D2D}</vt:lpwstr>
  </property>
</Properties>
</file>